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96" r:id="rId28"/>
  </p:sldMasterIdLst>
  <p:notesMasterIdLst>
    <p:notesMasterId r:id="rId55"/>
  </p:notesMasterIdLst>
  <p:handoutMasterIdLst>
    <p:handoutMasterId r:id="rId56"/>
  </p:handoutMasterIdLst>
  <p:sldIdLst>
    <p:sldId id="260" r:id="rId29"/>
    <p:sldId id="2147483646" r:id="rId30"/>
    <p:sldId id="281" r:id="rId31"/>
    <p:sldId id="2147483647" r:id="rId32"/>
    <p:sldId id="271" r:id="rId33"/>
    <p:sldId id="338" r:id="rId34"/>
    <p:sldId id="357" r:id="rId35"/>
    <p:sldId id="256" r:id="rId36"/>
    <p:sldId id="257" r:id="rId37"/>
    <p:sldId id="258" r:id="rId38"/>
    <p:sldId id="259" r:id="rId39"/>
    <p:sldId id="276" r:id="rId40"/>
    <p:sldId id="261" r:id="rId41"/>
    <p:sldId id="262" r:id="rId42"/>
    <p:sldId id="263" r:id="rId43"/>
    <p:sldId id="265" r:id="rId44"/>
    <p:sldId id="264" r:id="rId45"/>
    <p:sldId id="266" r:id="rId46"/>
    <p:sldId id="277" r:id="rId47"/>
    <p:sldId id="267" r:id="rId48"/>
    <p:sldId id="268" r:id="rId49"/>
    <p:sldId id="269" r:id="rId50"/>
    <p:sldId id="270" r:id="rId51"/>
    <p:sldId id="274" r:id="rId52"/>
    <p:sldId id="275" r:id="rId53"/>
    <p:sldId id="2147483641" r:id="rId54"/>
  </p:sldIdLst>
  <p:sldSz cx="12195175" cy="6858000"/>
  <p:notesSz cx="6858000" cy="9144000"/>
  <p:embeddedFontLst>
    <p:embeddedFont>
      <p:font typeface="72 Brand" panose="020B0504030603020204"/>
      <p:regular r:id="rId57"/>
      <p:bold r:id="rId58"/>
      <p:italic r:id="rId59"/>
      <p:boldItalic r:id="rId60"/>
    </p:embeddedFont>
    <p:embeddedFont>
      <p:font typeface="72 Brand Book" panose="020B0404030603020204"/>
      <p:regular r:id="rId61"/>
      <p:italic r:id="rId62"/>
    </p:embeddedFont>
    <p:embeddedFont>
      <p:font typeface="72 Brand Medium" panose="020B0604030603020204"/>
      <p:regular r:id="rId63"/>
      <p:italic r:id="rId64"/>
    </p:embeddedFont>
    <p:embeddedFont>
      <p:font typeface="Segoe UI" panose="020B0502040204020203" pitchFamily="34" charset="0"/>
      <p:regular r:id="rId65"/>
      <p:bold r:id="rId66"/>
      <p:italic r:id="rId67"/>
      <p:boldItalic r:id="rId68"/>
    </p:embeddedFont>
  </p:embeddedFontLst>
  <p:custDataLst>
    <p:tags r:id="rId6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4B2E96E-176C-3E3C-ECD9-02435EACFDEE}" name="Abegunrin, Simone" initials="AS" userId="S::simone.abegunrin@sap.com::d6f6c60e-fe82-4361-b501-3dde7af030e1" providerId="AD"/>
  <p188:author id="{5997F084-233C-D347-5075-176C91CE575E}" name="Valencia de Backhaus, Maya" initials="" userId="S::maya.valencia.de.backhaus@sap.com::44ac8c09-3570-460d-a267-7c7c77433149" providerId="AD"/>
  <p188:author id="{2E3D05A5-5990-93BA-4B7A-03BDAAF01B0C}" name="Rita, Georgia" initials="RG" userId="S::georgia.rita@sap.com::d9283f92-8d63-4bc3-8dd2-312668a8b49f" providerId="AD"/>
  <p188:author id="{995C92BD-7CC1-1454-CA0E-E310EDEC91EA}" name="Schaefer, Alex" initials="SA" userId="S::alex.schaefer@sap.com::290a9461-0b0c-4722-b69e-f606203aee53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725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8531ABC-F72A-4FAC-AC83-CDF984E35A0D}" v="165" dt="2026-04-07T15:11:42.95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7868" autoAdjust="0"/>
    <p:restoredTop sz="93082" autoAdjust="0"/>
  </p:normalViewPr>
  <p:slideViewPr>
    <p:cSldViewPr snapToGrid="0" showGuides="1">
      <p:cViewPr varScale="1">
        <p:scale>
          <a:sx n="118" d="100"/>
          <a:sy n="118" d="100"/>
        </p:scale>
        <p:origin x="760" y="19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14.xml"/><Relationship Id="rId47" Type="http://schemas.openxmlformats.org/officeDocument/2006/relationships/slide" Target="slides/slide19.xml"/><Relationship Id="rId63" Type="http://schemas.openxmlformats.org/officeDocument/2006/relationships/font" Target="fonts/font7.fntdata"/><Relationship Id="rId68" Type="http://schemas.openxmlformats.org/officeDocument/2006/relationships/font" Target="fonts/font12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slide" Target="slides/slide17.xml"/><Relationship Id="rId53" Type="http://schemas.openxmlformats.org/officeDocument/2006/relationships/slide" Target="slides/slide25.xml"/><Relationship Id="rId58" Type="http://schemas.openxmlformats.org/officeDocument/2006/relationships/font" Target="fonts/font2.fntdata"/><Relationship Id="rId66" Type="http://schemas.openxmlformats.org/officeDocument/2006/relationships/font" Target="fonts/font10.fntdata"/><Relationship Id="rId7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61" Type="http://schemas.openxmlformats.org/officeDocument/2006/relationships/font" Target="fonts/font5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slide" Target="slides/slide15.xml"/><Relationship Id="rId48" Type="http://schemas.openxmlformats.org/officeDocument/2006/relationships/slide" Target="slides/slide20.xml"/><Relationship Id="rId56" Type="http://schemas.openxmlformats.org/officeDocument/2006/relationships/handoutMaster" Target="handoutMasters/handoutMaster1.xml"/><Relationship Id="rId64" Type="http://schemas.openxmlformats.org/officeDocument/2006/relationships/font" Target="fonts/font8.fntdata"/><Relationship Id="rId69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slide" Target="slides/slide23.xml"/><Relationship Id="rId72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slide" Target="slides/slide18.xml"/><Relationship Id="rId59" Type="http://schemas.openxmlformats.org/officeDocument/2006/relationships/font" Target="fonts/font3.fntdata"/><Relationship Id="rId67" Type="http://schemas.openxmlformats.org/officeDocument/2006/relationships/font" Target="fonts/font11.fntdata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54" Type="http://schemas.openxmlformats.org/officeDocument/2006/relationships/slide" Target="slides/slide26.xml"/><Relationship Id="rId62" Type="http://schemas.openxmlformats.org/officeDocument/2006/relationships/font" Target="fonts/font6.fntdata"/><Relationship Id="rId70" Type="http://schemas.openxmlformats.org/officeDocument/2006/relationships/presProps" Target="presProps.xml"/><Relationship Id="rId75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slide" Target="slides/slide21.xml"/><Relationship Id="rId57" Type="http://schemas.openxmlformats.org/officeDocument/2006/relationships/font" Target="fonts/font1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44" Type="http://schemas.openxmlformats.org/officeDocument/2006/relationships/slide" Target="slides/slide16.xml"/><Relationship Id="rId52" Type="http://schemas.openxmlformats.org/officeDocument/2006/relationships/slide" Target="slides/slide24.xml"/><Relationship Id="rId60" Type="http://schemas.openxmlformats.org/officeDocument/2006/relationships/font" Target="fonts/font4.fntdata"/><Relationship Id="rId65" Type="http://schemas.openxmlformats.org/officeDocument/2006/relationships/font" Target="fonts/font9.fntdata"/><Relationship Id="rId73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1.xml"/><Relationship Id="rId34" Type="http://schemas.openxmlformats.org/officeDocument/2006/relationships/slide" Target="slides/slide6.xml"/><Relationship Id="rId50" Type="http://schemas.openxmlformats.org/officeDocument/2006/relationships/slide" Target="slides/slide22.xml"/><Relationship Id="rId55" Type="http://schemas.openxmlformats.org/officeDocument/2006/relationships/notesMaster" Target="notesMasters/notesMaster1.xml"/><Relationship Id="rId76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ordan Roberts" userId="9b78abb5-3d19-481e-8b85-01a081d118b6" providerId="ADAL" clId="{594E9DB8-0978-4FF9-8A68-270611396743}"/>
    <pc:docChg chg="undo custSel addSld delSld modSld sldOrd delMainMaster">
      <pc:chgData name="Jordan Roberts" userId="9b78abb5-3d19-481e-8b85-01a081d118b6" providerId="ADAL" clId="{594E9DB8-0978-4FF9-8A68-270611396743}" dt="2026-04-07T16:07:08.191" v="10303" actId="20577"/>
      <pc:docMkLst>
        <pc:docMk/>
      </pc:docMkLst>
      <pc:sldChg chg="addSp delSp modSp add mod">
        <pc:chgData name="Jordan Roberts" userId="9b78abb5-3d19-481e-8b85-01a081d118b6" providerId="ADAL" clId="{594E9DB8-0978-4FF9-8A68-270611396743}" dt="2026-04-07T14:45:53.429" v="9504" actId="21"/>
        <pc:sldMkLst>
          <pc:docMk/>
          <pc:sldMk cId="537872106" sldId="256"/>
        </pc:sldMkLst>
        <pc:spChg chg="mod">
          <ac:chgData name="Jordan Roberts" userId="9b78abb5-3d19-481e-8b85-01a081d118b6" providerId="ADAL" clId="{594E9DB8-0978-4FF9-8A68-270611396743}" dt="2026-04-06T19:52:09.798" v="5715" actId="255"/>
          <ac:spMkLst>
            <pc:docMk/>
            <pc:sldMk cId="537872106" sldId="256"/>
            <ac:spMk id="3" creationId="{0EBDC914-7CFD-D779-EAB6-28E94BA44907}"/>
          </ac:spMkLst>
        </pc:spChg>
        <pc:spChg chg="add mod">
          <ac:chgData name="Jordan Roberts" userId="9b78abb5-3d19-481e-8b85-01a081d118b6" providerId="ADAL" clId="{594E9DB8-0978-4FF9-8A68-270611396743}" dt="2026-04-07T14:28:03.363" v="9371"/>
          <ac:spMkLst>
            <pc:docMk/>
            <pc:sldMk cId="537872106" sldId="256"/>
            <ac:spMk id="4" creationId="{BE6A77F7-C702-F3DF-C921-D9EBC0CA77AC}"/>
          </ac:spMkLst>
        </pc:spChg>
        <pc:spChg chg="del mod">
          <ac:chgData name="Jordan Roberts" userId="9b78abb5-3d19-481e-8b85-01a081d118b6" providerId="ADAL" clId="{594E9DB8-0978-4FF9-8A68-270611396743}" dt="2026-04-07T14:27:53.766" v="9367" actId="21"/>
          <ac:spMkLst>
            <pc:docMk/>
            <pc:sldMk cId="537872106" sldId="256"/>
            <ac:spMk id="5" creationId="{BE6A77F7-C702-F3DF-C921-D9EBC0CA77AC}"/>
          </ac:spMkLst>
        </pc:spChg>
        <pc:spChg chg="add del mod">
          <ac:chgData name="Jordan Roberts" userId="9b78abb5-3d19-481e-8b85-01a081d118b6" providerId="ADAL" clId="{594E9DB8-0978-4FF9-8A68-270611396743}" dt="2026-04-07T14:45:53.429" v="9504" actId="21"/>
          <ac:spMkLst>
            <pc:docMk/>
            <pc:sldMk cId="537872106" sldId="256"/>
            <ac:spMk id="6" creationId="{F03BC008-84E6-D98F-3B54-0573C7773C47}"/>
          </ac:spMkLst>
        </pc:spChg>
        <pc:spChg chg="add mod">
          <ac:chgData name="Jordan Roberts" userId="9b78abb5-3d19-481e-8b85-01a081d118b6" providerId="ADAL" clId="{594E9DB8-0978-4FF9-8A68-270611396743}" dt="2026-04-07T14:25:52.373" v="9358" actId="1076"/>
          <ac:spMkLst>
            <pc:docMk/>
            <pc:sldMk cId="537872106" sldId="256"/>
            <ac:spMk id="11" creationId="{F8CF377C-59D2-AF87-5A7C-9D3895598499}"/>
          </ac:spMkLst>
        </pc:spChg>
        <pc:spChg chg="mod">
          <ac:chgData name="Jordan Roberts" userId="9b78abb5-3d19-481e-8b85-01a081d118b6" providerId="ADAL" clId="{594E9DB8-0978-4FF9-8A68-270611396743}" dt="2026-04-06T19:52:01.588" v="5714" actId="255"/>
          <ac:spMkLst>
            <pc:docMk/>
            <pc:sldMk cId="537872106" sldId="256"/>
            <ac:spMk id="12" creationId="{64340E06-596D-812C-0485-B584DB34FC35}"/>
          </ac:spMkLst>
        </pc:spChg>
        <pc:spChg chg="mod">
          <ac:chgData name="Jordan Roberts" userId="9b78abb5-3d19-481e-8b85-01a081d118b6" providerId="ADAL" clId="{594E9DB8-0978-4FF9-8A68-270611396743}" dt="2026-04-06T21:59:17.717" v="6899"/>
          <ac:spMkLst>
            <pc:docMk/>
            <pc:sldMk cId="537872106" sldId="256"/>
            <ac:spMk id="15" creationId="{698AB459-C3EE-07DC-53DF-1C1A3411BCCE}"/>
          </ac:spMkLst>
        </pc:spChg>
        <pc:spChg chg="mod">
          <ac:chgData name="Jordan Roberts" userId="9b78abb5-3d19-481e-8b85-01a081d118b6" providerId="ADAL" clId="{594E9DB8-0978-4FF9-8A68-270611396743}" dt="2026-04-06T21:59:17.717" v="6899"/>
          <ac:spMkLst>
            <pc:docMk/>
            <pc:sldMk cId="537872106" sldId="256"/>
            <ac:spMk id="16" creationId="{F77CB93F-A25A-1AE4-CA87-F230A865083E}"/>
          </ac:spMkLst>
        </pc:spChg>
        <pc:spChg chg="mod">
          <ac:chgData name="Jordan Roberts" userId="9b78abb5-3d19-481e-8b85-01a081d118b6" providerId="ADAL" clId="{594E9DB8-0978-4FF9-8A68-270611396743}" dt="2026-04-06T21:59:17.717" v="6899"/>
          <ac:spMkLst>
            <pc:docMk/>
            <pc:sldMk cId="537872106" sldId="256"/>
            <ac:spMk id="17" creationId="{B2D9983A-2BD7-6129-E8B6-64E028181EA6}"/>
          </ac:spMkLst>
        </pc:spChg>
        <pc:spChg chg="mod">
          <ac:chgData name="Jordan Roberts" userId="9b78abb5-3d19-481e-8b85-01a081d118b6" providerId="ADAL" clId="{594E9DB8-0978-4FF9-8A68-270611396743}" dt="2026-04-06T21:59:17.717" v="6899"/>
          <ac:spMkLst>
            <pc:docMk/>
            <pc:sldMk cId="537872106" sldId="256"/>
            <ac:spMk id="18" creationId="{63239C81-6B9B-2198-8AC5-F4775E13F83F}"/>
          </ac:spMkLst>
        </pc:spChg>
        <pc:grpChg chg="add del mod">
          <ac:chgData name="Jordan Roberts" userId="9b78abb5-3d19-481e-8b85-01a081d118b6" providerId="ADAL" clId="{594E9DB8-0978-4FF9-8A68-270611396743}" dt="2026-04-06T21:59:26.292" v="6903" actId="21"/>
          <ac:grpSpMkLst>
            <pc:docMk/>
            <pc:sldMk cId="537872106" sldId="256"/>
            <ac:grpSpMk id="13" creationId="{A3E7AC18-0F92-4612-FBCB-2BE6C305D13E}"/>
          </ac:grpSpMkLst>
        </pc:grpChg>
        <pc:picChg chg="add del mod">
          <ac:chgData name="Jordan Roberts" userId="9b78abb5-3d19-481e-8b85-01a081d118b6" providerId="ADAL" clId="{594E9DB8-0978-4FF9-8A68-270611396743}" dt="2026-04-06T19:53:52.407" v="5749" actId="21"/>
          <ac:picMkLst>
            <pc:docMk/>
            <pc:sldMk cId="537872106" sldId="256"/>
            <ac:picMk id="4" creationId="{0B658937-4C3F-3860-5C11-90967BC64007}"/>
          </ac:picMkLst>
        </pc:picChg>
        <pc:picChg chg="add del mod">
          <ac:chgData name="Jordan Roberts" userId="9b78abb5-3d19-481e-8b85-01a081d118b6" providerId="ADAL" clId="{594E9DB8-0978-4FF9-8A68-270611396743}" dt="2026-04-06T20:07:34.877" v="5986" actId="478"/>
          <ac:picMkLst>
            <pc:docMk/>
            <pc:sldMk cId="537872106" sldId="256"/>
            <ac:picMk id="6" creationId="{0B658937-4C3F-3860-5C11-90967BC64007}"/>
          </ac:picMkLst>
        </pc:picChg>
        <pc:picChg chg="add del mod">
          <ac:chgData name="Jordan Roberts" userId="9b78abb5-3d19-481e-8b85-01a081d118b6" providerId="ADAL" clId="{594E9DB8-0978-4FF9-8A68-270611396743}" dt="2026-04-06T19:59:18.764" v="5915" actId="21"/>
          <ac:picMkLst>
            <pc:docMk/>
            <pc:sldMk cId="537872106" sldId="256"/>
            <ac:picMk id="7" creationId="{5C268636-98A9-7733-C2BA-25C60F63723B}"/>
          </ac:picMkLst>
        </pc:picChg>
        <pc:picChg chg="add mod">
          <ac:chgData name="Jordan Roberts" userId="9b78abb5-3d19-481e-8b85-01a081d118b6" providerId="ADAL" clId="{594E9DB8-0978-4FF9-8A68-270611396743}" dt="2026-04-07T14:25:47.024" v="9357" actId="1076"/>
          <ac:picMkLst>
            <pc:docMk/>
            <pc:sldMk cId="537872106" sldId="256"/>
            <ac:picMk id="9" creationId="{AB932E7A-C9AF-D308-23D5-5211719EF338}"/>
          </ac:picMkLst>
        </pc:picChg>
        <pc:picChg chg="mod">
          <ac:chgData name="Jordan Roberts" userId="9b78abb5-3d19-481e-8b85-01a081d118b6" providerId="ADAL" clId="{594E9DB8-0978-4FF9-8A68-270611396743}" dt="2026-04-06T21:59:17.717" v="6899"/>
          <ac:picMkLst>
            <pc:docMk/>
            <pc:sldMk cId="537872106" sldId="256"/>
            <ac:picMk id="14" creationId="{A31AC1A1-BCD6-B753-2444-7B8317F7066B}"/>
          </ac:picMkLst>
        </pc:picChg>
        <pc:picChg chg="add del mod">
          <ac:chgData name="Jordan Roberts" userId="9b78abb5-3d19-481e-8b85-01a081d118b6" providerId="ADAL" clId="{594E9DB8-0978-4FF9-8A68-270611396743}" dt="2026-04-06T19:51:30.287" v="5706" actId="21"/>
          <ac:picMkLst>
            <pc:docMk/>
            <pc:sldMk cId="537872106" sldId="256"/>
            <ac:picMk id="1026" creationId="{0B658937-4C3F-3860-5C11-90967BC64007}"/>
          </ac:picMkLst>
        </pc:picChg>
      </pc:sldChg>
      <pc:sldChg chg="addSp delSp modSp add mod modNotesTx">
        <pc:chgData name="Jordan Roberts" userId="9b78abb5-3d19-481e-8b85-01a081d118b6" providerId="ADAL" clId="{594E9DB8-0978-4FF9-8A68-270611396743}" dt="2026-04-07T15:19:12.051" v="9993" actId="20577"/>
        <pc:sldMkLst>
          <pc:docMk/>
          <pc:sldMk cId="2239028189" sldId="257"/>
        </pc:sldMkLst>
        <pc:spChg chg="mod">
          <ac:chgData name="Jordan Roberts" userId="9b78abb5-3d19-481e-8b85-01a081d118b6" providerId="ADAL" clId="{594E9DB8-0978-4FF9-8A68-270611396743}" dt="2026-04-07T15:19:12.051" v="9993" actId="20577"/>
          <ac:spMkLst>
            <pc:docMk/>
            <pc:sldMk cId="2239028189" sldId="257"/>
            <ac:spMk id="3" creationId="{F1E6E55D-4B4B-B50D-36FA-87CC4B902C31}"/>
          </ac:spMkLst>
        </pc:spChg>
        <pc:spChg chg="add del mod">
          <ac:chgData name="Jordan Roberts" userId="9b78abb5-3d19-481e-8b85-01a081d118b6" providerId="ADAL" clId="{594E9DB8-0978-4FF9-8A68-270611396743}" dt="2026-04-07T14:28:01.453" v="9370" actId="21"/>
          <ac:spMkLst>
            <pc:docMk/>
            <pc:sldMk cId="2239028189" sldId="257"/>
            <ac:spMk id="4" creationId="{BE6A77F7-C702-F3DF-C921-D9EBC0CA77AC}"/>
          </ac:spMkLst>
        </pc:spChg>
        <pc:spChg chg="mod">
          <ac:chgData name="Jordan Roberts" userId="9b78abb5-3d19-481e-8b85-01a081d118b6" providerId="ADAL" clId="{594E9DB8-0978-4FF9-8A68-270611396743}" dt="2026-04-07T14:28:27.263" v="9380" actId="20577"/>
          <ac:spMkLst>
            <pc:docMk/>
            <pc:sldMk cId="2239028189" sldId="257"/>
            <ac:spMk id="5" creationId="{AE071464-7AB3-709E-EEDB-B5FE6C1C5709}"/>
          </ac:spMkLst>
        </pc:spChg>
        <pc:spChg chg="add mod">
          <ac:chgData name="Jordan Roberts" userId="9b78abb5-3d19-481e-8b85-01a081d118b6" providerId="ADAL" clId="{594E9DB8-0978-4FF9-8A68-270611396743}" dt="2026-04-06T21:59:14.661" v="6897" actId="164"/>
          <ac:spMkLst>
            <pc:docMk/>
            <pc:sldMk cId="2239028189" sldId="257"/>
            <ac:spMk id="7" creationId="{698AB459-C3EE-07DC-53DF-1C1A3411BCCE}"/>
          </ac:spMkLst>
        </pc:spChg>
        <pc:spChg chg="add mod">
          <ac:chgData name="Jordan Roberts" userId="9b78abb5-3d19-481e-8b85-01a081d118b6" providerId="ADAL" clId="{594E9DB8-0978-4FF9-8A68-270611396743}" dt="2026-04-06T21:59:14.661" v="6897" actId="164"/>
          <ac:spMkLst>
            <pc:docMk/>
            <pc:sldMk cId="2239028189" sldId="257"/>
            <ac:spMk id="8" creationId="{F77CB93F-A25A-1AE4-CA87-F230A865083E}"/>
          </ac:spMkLst>
        </pc:spChg>
        <pc:spChg chg="add mod">
          <ac:chgData name="Jordan Roberts" userId="9b78abb5-3d19-481e-8b85-01a081d118b6" providerId="ADAL" clId="{594E9DB8-0978-4FF9-8A68-270611396743}" dt="2026-04-06T21:59:14.661" v="6897" actId="164"/>
          <ac:spMkLst>
            <pc:docMk/>
            <pc:sldMk cId="2239028189" sldId="257"/>
            <ac:spMk id="9" creationId="{B2D9983A-2BD7-6129-E8B6-64E028181EA6}"/>
          </ac:spMkLst>
        </pc:spChg>
        <pc:spChg chg="add mod">
          <ac:chgData name="Jordan Roberts" userId="9b78abb5-3d19-481e-8b85-01a081d118b6" providerId="ADAL" clId="{594E9DB8-0978-4FF9-8A68-270611396743}" dt="2026-04-06T21:59:14.661" v="6897" actId="164"/>
          <ac:spMkLst>
            <pc:docMk/>
            <pc:sldMk cId="2239028189" sldId="257"/>
            <ac:spMk id="10" creationId="{63239C81-6B9B-2198-8AC5-F4775E13F83F}"/>
          </ac:spMkLst>
        </pc:spChg>
        <pc:spChg chg="mod">
          <ac:chgData name="Jordan Roberts" userId="9b78abb5-3d19-481e-8b85-01a081d118b6" providerId="ADAL" clId="{594E9DB8-0978-4FF9-8A68-270611396743}" dt="2026-04-06T19:53:21.872" v="5743" actId="255"/>
          <ac:spMkLst>
            <pc:docMk/>
            <pc:sldMk cId="2239028189" sldId="257"/>
            <ac:spMk id="12" creationId="{A6672E3E-7B7C-DB53-F8E2-FE21979D38C0}"/>
          </ac:spMkLst>
        </pc:spChg>
        <pc:spChg chg="mod">
          <ac:chgData name="Jordan Roberts" userId="9b78abb5-3d19-481e-8b85-01a081d118b6" providerId="ADAL" clId="{594E9DB8-0978-4FF9-8A68-270611396743}" dt="2026-04-07T14:25:10.150" v="9353" actId="207"/>
          <ac:spMkLst>
            <pc:docMk/>
            <pc:sldMk cId="2239028189" sldId="257"/>
            <ac:spMk id="15" creationId="{698AB459-C3EE-07DC-53DF-1C1A3411BCCE}"/>
          </ac:spMkLst>
        </pc:spChg>
        <pc:spChg chg="mod">
          <ac:chgData name="Jordan Roberts" userId="9b78abb5-3d19-481e-8b85-01a081d118b6" providerId="ADAL" clId="{594E9DB8-0978-4FF9-8A68-270611396743}" dt="2026-04-07T14:24:59.805" v="9352" actId="207"/>
          <ac:spMkLst>
            <pc:docMk/>
            <pc:sldMk cId="2239028189" sldId="257"/>
            <ac:spMk id="16" creationId="{F77CB93F-A25A-1AE4-CA87-F230A865083E}"/>
          </ac:spMkLst>
        </pc:spChg>
        <pc:spChg chg="mod">
          <ac:chgData name="Jordan Roberts" userId="9b78abb5-3d19-481e-8b85-01a081d118b6" providerId="ADAL" clId="{594E9DB8-0978-4FF9-8A68-270611396743}" dt="2026-04-07T14:24:12.148" v="9350" actId="207"/>
          <ac:spMkLst>
            <pc:docMk/>
            <pc:sldMk cId="2239028189" sldId="257"/>
            <ac:spMk id="17" creationId="{B2D9983A-2BD7-6129-E8B6-64E028181EA6}"/>
          </ac:spMkLst>
        </pc:spChg>
        <pc:spChg chg="mod">
          <ac:chgData name="Jordan Roberts" userId="9b78abb5-3d19-481e-8b85-01a081d118b6" providerId="ADAL" clId="{594E9DB8-0978-4FF9-8A68-270611396743}" dt="2026-04-07T14:24:51.400" v="9351" actId="207"/>
          <ac:spMkLst>
            <pc:docMk/>
            <pc:sldMk cId="2239028189" sldId="257"/>
            <ac:spMk id="18" creationId="{63239C81-6B9B-2198-8AC5-F4775E13F83F}"/>
          </ac:spMkLst>
        </pc:spChg>
        <pc:grpChg chg="add del mod">
          <ac:chgData name="Jordan Roberts" userId="9b78abb5-3d19-481e-8b85-01a081d118b6" providerId="ADAL" clId="{594E9DB8-0978-4FF9-8A68-270611396743}" dt="2026-04-06T21:59:15.538" v="6898" actId="21"/>
          <ac:grpSpMkLst>
            <pc:docMk/>
            <pc:sldMk cId="2239028189" sldId="257"/>
            <ac:grpSpMk id="11" creationId="{A3E7AC18-0F92-4612-FBCB-2BE6C305D13E}"/>
          </ac:grpSpMkLst>
        </pc:grpChg>
        <pc:grpChg chg="add mod">
          <ac:chgData name="Jordan Roberts" userId="9b78abb5-3d19-481e-8b85-01a081d118b6" providerId="ADAL" clId="{594E9DB8-0978-4FF9-8A68-270611396743}" dt="2026-04-07T14:23:56.914" v="9349" actId="207"/>
          <ac:grpSpMkLst>
            <pc:docMk/>
            <pc:sldMk cId="2239028189" sldId="257"/>
            <ac:grpSpMk id="13" creationId="{A3E7AC18-0F92-4612-FBCB-2BE6C305D13E}"/>
          </ac:grpSpMkLst>
        </pc:grpChg>
        <pc:picChg chg="add del mod">
          <ac:chgData name="Jordan Roberts" userId="9b78abb5-3d19-481e-8b85-01a081d118b6" providerId="ADAL" clId="{594E9DB8-0978-4FF9-8A68-270611396743}" dt="2026-04-06T19:54:01.998" v="5752" actId="21"/>
          <ac:picMkLst>
            <pc:docMk/>
            <pc:sldMk cId="2239028189" sldId="257"/>
            <ac:picMk id="4" creationId="{0B658937-4C3F-3860-5C11-90967BC64007}"/>
          </ac:picMkLst>
        </pc:picChg>
        <pc:picChg chg="add del mod">
          <ac:chgData name="Jordan Roberts" userId="9b78abb5-3d19-481e-8b85-01a081d118b6" providerId="ADAL" clId="{594E9DB8-0978-4FF9-8A68-270611396743}" dt="2026-04-06T21:59:14.661" v="6897" actId="164"/>
          <ac:picMkLst>
            <pc:docMk/>
            <pc:sldMk cId="2239028189" sldId="257"/>
            <ac:picMk id="6" creationId="{A31AC1A1-BCD6-B753-2444-7B8317F7066B}"/>
          </ac:picMkLst>
        </pc:picChg>
        <pc:picChg chg="mod">
          <ac:chgData name="Jordan Roberts" userId="9b78abb5-3d19-481e-8b85-01a081d118b6" providerId="ADAL" clId="{594E9DB8-0978-4FF9-8A68-270611396743}" dt="2026-04-07T14:23:56.914" v="9349" actId="207"/>
          <ac:picMkLst>
            <pc:docMk/>
            <pc:sldMk cId="2239028189" sldId="257"/>
            <ac:picMk id="14" creationId="{A31AC1A1-BCD6-B753-2444-7B8317F7066B}"/>
          </ac:picMkLst>
        </pc:picChg>
        <pc:picChg chg="add del mod">
          <ac:chgData name="Jordan Roberts" userId="9b78abb5-3d19-481e-8b85-01a081d118b6" providerId="ADAL" clId="{594E9DB8-0978-4FF9-8A68-270611396743}" dt="2026-04-06T21:59:48.318" v="6908" actId="21"/>
          <ac:picMkLst>
            <pc:docMk/>
            <pc:sldMk cId="2239028189" sldId="257"/>
            <ac:picMk id="19" creationId="{5C268636-98A9-7733-C2BA-25C60F63723B}"/>
          </ac:picMkLst>
        </pc:picChg>
        <pc:picChg chg="add del mod">
          <ac:chgData name="Jordan Roberts" userId="9b78abb5-3d19-481e-8b85-01a081d118b6" providerId="ADAL" clId="{594E9DB8-0978-4FF9-8A68-270611396743}" dt="2026-04-06T22:03:19.021" v="6925" actId="21"/>
          <ac:picMkLst>
            <pc:docMk/>
            <pc:sldMk cId="2239028189" sldId="257"/>
            <ac:picMk id="20" creationId="{C1A709CB-5BC9-2FEA-B28E-BAE6ED810587}"/>
          </ac:picMkLst>
        </pc:picChg>
        <pc:picChg chg="add del mod">
          <ac:chgData name="Jordan Roberts" userId="9b78abb5-3d19-481e-8b85-01a081d118b6" providerId="ADAL" clId="{594E9DB8-0978-4FF9-8A68-270611396743}" dt="2026-04-06T19:51:44.028" v="5711" actId="21"/>
          <ac:picMkLst>
            <pc:docMk/>
            <pc:sldMk cId="2239028189" sldId="257"/>
            <ac:picMk id="1026" creationId="{0B658937-4C3F-3860-5C11-90967BC64007}"/>
          </ac:picMkLst>
        </pc:picChg>
      </pc:sldChg>
      <pc:sldChg chg="addSp delSp modSp add mod modNotesTx">
        <pc:chgData name="Jordan Roberts" userId="9b78abb5-3d19-481e-8b85-01a081d118b6" providerId="ADAL" clId="{594E9DB8-0978-4FF9-8A68-270611396743}" dt="2026-04-07T16:03:45.037" v="10241" actId="20577"/>
        <pc:sldMkLst>
          <pc:docMk/>
          <pc:sldMk cId="4270662841" sldId="258"/>
        </pc:sldMkLst>
        <pc:spChg chg="mod">
          <ac:chgData name="Jordan Roberts" userId="9b78abb5-3d19-481e-8b85-01a081d118b6" providerId="ADAL" clId="{594E9DB8-0978-4FF9-8A68-270611396743}" dt="2026-04-06T21:58:16.169" v="6884" actId="20577"/>
          <ac:spMkLst>
            <pc:docMk/>
            <pc:sldMk cId="4270662841" sldId="258"/>
            <ac:spMk id="3" creationId="{BEFF5675-D4AF-1DE6-F857-9601F119E5D6}"/>
          </ac:spMkLst>
        </pc:spChg>
        <pc:spChg chg="del mod">
          <ac:chgData name="Jordan Roberts" userId="9b78abb5-3d19-481e-8b85-01a081d118b6" providerId="ADAL" clId="{594E9DB8-0978-4FF9-8A68-270611396743}" dt="2026-04-06T19:58:25.344" v="5902" actId="478"/>
          <ac:spMkLst>
            <pc:docMk/>
            <pc:sldMk cId="4270662841" sldId="258"/>
            <ac:spMk id="5" creationId="{B62D8FED-A8BE-2A8D-EFB9-3EC258DCC537}"/>
          </ac:spMkLst>
        </pc:spChg>
        <pc:spChg chg="add mod">
          <ac:chgData name="Jordan Roberts" userId="9b78abb5-3d19-481e-8b85-01a081d118b6" providerId="ADAL" clId="{594E9DB8-0978-4FF9-8A68-270611396743}" dt="2026-04-07T16:03:21.549" v="10222" actId="20577"/>
          <ac:spMkLst>
            <pc:docMk/>
            <pc:sldMk cId="4270662841" sldId="258"/>
            <ac:spMk id="7" creationId="{8B295E52-E9E2-44BB-961C-326961A29E7E}"/>
          </ac:spMkLst>
        </pc:spChg>
        <pc:spChg chg="add mod">
          <ac:chgData name="Jordan Roberts" userId="9b78abb5-3d19-481e-8b85-01a081d118b6" providerId="ADAL" clId="{594E9DB8-0978-4FF9-8A68-270611396743}" dt="2026-04-07T16:03:24.347" v="10224" actId="20577"/>
          <ac:spMkLst>
            <pc:docMk/>
            <pc:sldMk cId="4270662841" sldId="258"/>
            <ac:spMk id="8" creationId="{2C8FAD98-55C5-E9CC-0844-F94A684F5B06}"/>
          </ac:spMkLst>
        </pc:spChg>
        <pc:spChg chg="add mod">
          <ac:chgData name="Jordan Roberts" userId="9b78abb5-3d19-481e-8b85-01a081d118b6" providerId="ADAL" clId="{594E9DB8-0978-4FF9-8A68-270611396743}" dt="2026-04-07T16:03:45.037" v="10241" actId="20577"/>
          <ac:spMkLst>
            <pc:docMk/>
            <pc:sldMk cId="4270662841" sldId="258"/>
            <ac:spMk id="9" creationId="{70089E60-B92D-3889-6953-CC2011458CD1}"/>
          </ac:spMkLst>
        </pc:spChg>
        <pc:spChg chg="mod">
          <ac:chgData name="Jordan Roberts" userId="9b78abb5-3d19-481e-8b85-01a081d118b6" providerId="ADAL" clId="{594E9DB8-0978-4FF9-8A68-270611396743}" dt="2026-04-06T21:57:31.942" v="6861" actId="255"/>
          <ac:spMkLst>
            <pc:docMk/>
            <pc:sldMk cId="4270662841" sldId="258"/>
            <ac:spMk id="12" creationId="{987EBADB-9728-1E5F-15D7-509372A9130B}"/>
          </ac:spMkLst>
        </pc:spChg>
        <pc:graphicFrameChg chg="add mod modGraphic">
          <ac:chgData name="Jordan Roberts" userId="9b78abb5-3d19-481e-8b85-01a081d118b6" providerId="ADAL" clId="{594E9DB8-0978-4FF9-8A68-270611396743}" dt="2026-04-07T01:33:14.963" v="8502" actId="1076"/>
          <ac:graphicFrameMkLst>
            <pc:docMk/>
            <pc:sldMk cId="4270662841" sldId="258"/>
            <ac:graphicFrameMk id="4" creationId="{2BFB074A-6BFE-5999-A676-1580C062E5E2}"/>
          </ac:graphicFrameMkLst>
        </pc:graphicFrameChg>
        <pc:picChg chg="del">
          <ac:chgData name="Jordan Roberts" userId="9b78abb5-3d19-481e-8b85-01a081d118b6" providerId="ADAL" clId="{594E9DB8-0978-4FF9-8A68-270611396743}" dt="2026-04-06T14:47:51.683" v="1601" actId="478"/>
          <ac:picMkLst>
            <pc:docMk/>
            <pc:sldMk cId="4270662841" sldId="258"/>
            <ac:picMk id="6" creationId="{5717CFDA-DBF9-7C2B-5F8A-D26DB08C4FAA}"/>
          </ac:picMkLst>
        </pc:picChg>
      </pc:sldChg>
      <pc:sldChg chg="delSp modSp add mod">
        <pc:chgData name="Jordan Roberts" userId="9b78abb5-3d19-481e-8b85-01a081d118b6" providerId="ADAL" clId="{594E9DB8-0978-4FF9-8A68-270611396743}" dt="2026-04-06T22:00:21.110" v="6913" actId="1076"/>
        <pc:sldMkLst>
          <pc:docMk/>
          <pc:sldMk cId="2154691848" sldId="259"/>
        </pc:sldMkLst>
        <pc:spChg chg="mod">
          <ac:chgData name="Jordan Roberts" userId="9b78abb5-3d19-481e-8b85-01a081d118b6" providerId="ADAL" clId="{594E9DB8-0978-4FF9-8A68-270611396743}" dt="2026-04-06T22:00:21.110" v="6913" actId="1076"/>
          <ac:spMkLst>
            <pc:docMk/>
            <pc:sldMk cId="2154691848" sldId="259"/>
            <ac:spMk id="2" creationId="{539F833B-C129-E108-DCDD-EBF633A6FEBB}"/>
          </ac:spMkLst>
        </pc:spChg>
        <pc:spChg chg="del">
          <ac:chgData name="Jordan Roberts" userId="9b78abb5-3d19-481e-8b85-01a081d118b6" providerId="ADAL" clId="{594E9DB8-0978-4FF9-8A68-270611396743}" dt="2026-04-06T14:50:42.445" v="1603" actId="478"/>
          <ac:spMkLst>
            <pc:docMk/>
            <pc:sldMk cId="2154691848" sldId="259"/>
            <ac:spMk id="3" creationId="{9DFB3FDE-FE49-E7CE-04EC-F3BFD9A9A48C}"/>
          </ac:spMkLst>
        </pc:spChg>
      </pc:sldChg>
      <pc:sldChg chg="addSp delSp modSp mod">
        <pc:chgData name="Jordan Roberts" userId="9b78abb5-3d19-481e-8b85-01a081d118b6" providerId="ADAL" clId="{594E9DB8-0978-4FF9-8A68-270611396743}" dt="2026-04-06T18:37:36.525" v="5564" actId="2085"/>
        <pc:sldMkLst>
          <pc:docMk/>
          <pc:sldMk cId="3322191059" sldId="260"/>
        </pc:sldMkLst>
        <pc:spChg chg="mod">
          <ac:chgData name="Jordan Roberts" userId="9b78abb5-3d19-481e-8b85-01a081d118b6" providerId="ADAL" clId="{594E9DB8-0978-4FF9-8A68-270611396743}" dt="2026-04-06T13:39:10.858" v="88" actId="20577"/>
          <ac:spMkLst>
            <pc:docMk/>
            <pc:sldMk cId="3322191059" sldId="260"/>
            <ac:spMk id="2" creationId="{4D02399A-9E70-A02B-F1B2-5A65BE4BAE54}"/>
          </ac:spMkLst>
        </pc:spChg>
        <pc:spChg chg="mod">
          <ac:chgData name="Jordan Roberts" userId="9b78abb5-3d19-481e-8b85-01a081d118b6" providerId="ADAL" clId="{594E9DB8-0978-4FF9-8A68-270611396743}" dt="2026-04-06T13:44:00.940" v="234" actId="21"/>
          <ac:spMkLst>
            <pc:docMk/>
            <pc:sldMk cId="3322191059" sldId="260"/>
            <ac:spMk id="4" creationId="{EAC93EFB-BDE0-671B-13D9-FE82DE9AB40F}"/>
          </ac:spMkLst>
        </pc:spChg>
        <pc:spChg chg="del">
          <ac:chgData name="Jordan Roberts" userId="9b78abb5-3d19-481e-8b85-01a081d118b6" providerId="ADAL" clId="{594E9DB8-0978-4FF9-8A68-270611396743}" dt="2026-04-06T13:43:34.613" v="232" actId="478"/>
          <ac:spMkLst>
            <pc:docMk/>
            <pc:sldMk cId="3322191059" sldId="260"/>
            <ac:spMk id="6" creationId="{AA257FE7-D384-D4EF-3CE8-D9245EFA77E1}"/>
          </ac:spMkLst>
        </pc:spChg>
        <pc:picChg chg="add mod">
          <ac:chgData name="Jordan Roberts" userId="9b78abb5-3d19-481e-8b85-01a081d118b6" providerId="ADAL" clId="{594E9DB8-0978-4FF9-8A68-270611396743}" dt="2026-04-06T18:37:36.525" v="5564" actId="2085"/>
          <ac:picMkLst>
            <pc:docMk/>
            <pc:sldMk cId="3322191059" sldId="260"/>
            <ac:picMk id="6" creationId="{5C2F6D9E-FE12-BB77-7EAA-38FB067FBE3D}"/>
          </ac:picMkLst>
        </pc:picChg>
        <pc:picChg chg="add del mod">
          <ac:chgData name="Jordan Roberts" userId="9b78abb5-3d19-481e-8b85-01a081d118b6" providerId="ADAL" clId="{594E9DB8-0978-4FF9-8A68-270611396743}" dt="2026-04-06T13:40:22.737" v="204" actId="478"/>
          <ac:picMkLst>
            <pc:docMk/>
            <pc:sldMk cId="3322191059" sldId="260"/>
            <ac:picMk id="7" creationId="{212E7508-9B39-D751-7DD8-B66CF36ACDA3}"/>
          </ac:picMkLst>
        </pc:picChg>
        <pc:picChg chg="add del mod">
          <ac:chgData name="Jordan Roberts" userId="9b78abb5-3d19-481e-8b85-01a081d118b6" providerId="ADAL" clId="{594E9DB8-0978-4FF9-8A68-270611396743}" dt="2026-04-06T13:43:33.216" v="231" actId="21"/>
          <ac:picMkLst>
            <pc:docMk/>
            <pc:sldMk cId="3322191059" sldId="260"/>
            <ac:picMk id="9" creationId="{0C3A7ED2-91E3-7520-616B-1392B28DEF5F}"/>
          </ac:picMkLst>
        </pc:picChg>
        <pc:picChg chg="add mod">
          <ac:chgData name="Jordan Roberts" userId="9b78abb5-3d19-481e-8b85-01a081d118b6" providerId="ADAL" clId="{594E9DB8-0978-4FF9-8A68-270611396743}" dt="2026-04-06T13:43:35.068" v="233"/>
          <ac:picMkLst>
            <pc:docMk/>
            <pc:sldMk cId="3322191059" sldId="260"/>
            <ac:picMk id="10" creationId="{0C3A7ED2-91E3-7520-616B-1392B28DEF5F}"/>
          </ac:picMkLst>
        </pc:picChg>
      </pc:sldChg>
      <pc:sldChg chg="addSp delSp modSp add mod">
        <pc:chgData name="Jordan Roberts" userId="9b78abb5-3d19-481e-8b85-01a081d118b6" providerId="ADAL" clId="{594E9DB8-0978-4FF9-8A68-270611396743}" dt="2026-04-07T14:47:07.205" v="9518" actId="1076"/>
        <pc:sldMkLst>
          <pc:docMk/>
          <pc:sldMk cId="1974588314" sldId="261"/>
        </pc:sldMkLst>
        <pc:spChg chg="mod">
          <ac:chgData name="Jordan Roberts" userId="9b78abb5-3d19-481e-8b85-01a081d118b6" providerId="ADAL" clId="{594E9DB8-0978-4FF9-8A68-270611396743}" dt="2026-04-06T20:00:30.222" v="5919" actId="255"/>
          <ac:spMkLst>
            <pc:docMk/>
            <pc:sldMk cId="1974588314" sldId="261"/>
            <ac:spMk id="3" creationId="{B4E3D11E-8890-C64B-C69C-70FE1F2FF6F7}"/>
          </ac:spMkLst>
        </pc:spChg>
        <pc:spChg chg="add mod">
          <ac:chgData name="Jordan Roberts" userId="9b78abb5-3d19-481e-8b85-01a081d118b6" providerId="ADAL" clId="{594E9DB8-0978-4FF9-8A68-270611396743}" dt="2026-04-07T14:47:01.901" v="9517"/>
          <ac:spMkLst>
            <pc:docMk/>
            <pc:sldMk cId="1974588314" sldId="261"/>
            <ac:spMk id="4" creationId="{D51EA30A-E591-D15D-6175-5B57BB2D8EE1}"/>
          </ac:spMkLst>
        </pc:spChg>
        <pc:spChg chg="del mod">
          <ac:chgData name="Jordan Roberts" userId="9b78abb5-3d19-481e-8b85-01a081d118b6" providerId="ADAL" clId="{594E9DB8-0978-4FF9-8A68-270611396743}" dt="2026-04-07T14:46:50.139" v="9513" actId="21"/>
          <ac:spMkLst>
            <pc:docMk/>
            <pc:sldMk cId="1974588314" sldId="261"/>
            <ac:spMk id="5" creationId="{D51EA30A-E591-D15D-6175-5B57BB2D8EE1}"/>
          </ac:spMkLst>
        </pc:spChg>
        <pc:spChg chg="mod">
          <ac:chgData name="Jordan Roberts" userId="9b78abb5-3d19-481e-8b85-01a081d118b6" providerId="ADAL" clId="{594E9DB8-0978-4FF9-8A68-270611396743}" dt="2026-04-06T20:00:15.877" v="5918" actId="255"/>
          <ac:spMkLst>
            <pc:docMk/>
            <pc:sldMk cId="1974588314" sldId="261"/>
            <ac:spMk id="12" creationId="{7BF102E1-A6AA-935E-075D-7956831539AE}"/>
          </ac:spMkLst>
        </pc:spChg>
        <pc:picChg chg="add del mod">
          <ac:chgData name="Jordan Roberts" userId="9b78abb5-3d19-481e-8b85-01a081d118b6" providerId="ADAL" clId="{594E9DB8-0978-4FF9-8A68-270611396743}" dt="2026-04-06T21:25:02.167" v="6111" actId="478"/>
          <ac:picMkLst>
            <pc:docMk/>
            <pc:sldMk cId="1974588314" sldId="261"/>
            <ac:picMk id="6" creationId="{C0A4ACC8-1262-0070-CE18-D62F093729EB}"/>
          </ac:picMkLst>
        </pc:picChg>
        <pc:picChg chg="add mod">
          <ac:chgData name="Jordan Roberts" userId="9b78abb5-3d19-481e-8b85-01a081d118b6" providerId="ADAL" clId="{594E9DB8-0978-4FF9-8A68-270611396743}" dt="2026-04-07T14:47:07.205" v="9518" actId="1076"/>
          <ac:picMkLst>
            <pc:docMk/>
            <pc:sldMk cId="1974588314" sldId="261"/>
            <ac:picMk id="8" creationId="{DEB48485-E088-F027-4C71-F2E9D5DCF65F}"/>
          </ac:picMkLst>
        </pc:picChg>
      </pc:sldChg>
      <pc:sldChg chg="addSp delSp modSp add mod modNotesTx">
        <pc:chgData name="Jordan Roberts" userId="9b78abb5-3d19-481e-8b85-01a081d118b6" providerId="ADAL" clId="{594E9DB8-0978-4FF9-8A68-270611396743}" dt="2026-04-07T16:04:23.379" v="10250" actId="20577"/>
        <pc:sldMkLst>
          <pc:docMk/>
          <pc:sldMk cId="1596867025" sldId="262"/>
        </pc:sldMkLst>
        <pc:spChg chg="mod">
          <ac:chgData name="Jordan Roberts" userId="9b78abb5-3d19-481e-8b85-01a081d118b6" providerId="ADAL" clId="{594E9DB8-0978-4FF9-8A68-270611396743}" dt="2026-04-07T16:04:23.379" v="10250" actId="20577"/>
          <ac:spMkLst>
            <pc:docMk/>
            <pc:sldMk cId="1596867025" sldId="262"/>
            <ac:spMk id="3" creationId="{E24B0957-F5B6-A328-B9AC-1636C4A1C9E6}"/>
          </ac:spMkLst>
        </pc:spChg>
        <pc:spChg chg="add del mod">
          <ac:chgData name="Jordan Roberts" userId="9b78abb5-3d19-481e-8b85-01a081d118b6" providerId="ADAL" clId="{594E9DB8-0978-4FF9-8A68-270611396743}" dt="2026-04-07T14:46:59.096" v="9516" actId="21"/>
          <ac:spMkLst>
            <pc:docMk/>
            <pc:sldMk cId="1596867025" sldId="262"/>
            <ac:spMk id="4" creationId="{D51EA30A-E591-D15D-6175-5B57BB2D8EE1}"/>
          </ac:spMkLst>
        </pc:spChg>
        <pc:spChg chg="del mod">
          <ac:chgData name="Jordan Roberts" userId="9b78abb5-3d19-481e-8b85-01a081d118b6" providerId="ADAL" clId="{594E9DB8-0978-4FF9-8A68-270611396743}" dt="2026-04-07T14:46:31.053" v="9512" actId="478"/>
          <ac:spMkLst>
            <pc:docMk/>
            <pc:sldMk cId="1596867025" sldId="262"/>
            <ac:spMk id="5" creationId="{F0835DA4-5489-4F6A-E1D5-C821903C9986}"/>
          </ac:spMkLst>
        </pc:spChg>
        <pc:spChg chg="add mod">
          <ac:chgData name="Jordan Roberts" userId="9b78abb5-3d19-481e-8b85-01a081d118b6" providerId="ADAL" clId="{594E9DB8-0978-4FF9-8A68-270611396743}" dt="2026-04-07T14:46:28.171" v="9511"/>
          <ac:spMkLst>
            <pc:docMk/>
            <pc:sldMk cId="1596867025" sldId="262"/>
            <ac:spMk id="10" creationId="{2AF05818-0705-9193-2B3D-1FAB618E4591}"/>
          </ac:spMkLst>
        </pc:spChg>
        <pc:spChg chg="mod">
          <ac:chgData name="Jordan Roberts" userId="9b78abb5-3d19-481e-8b85-01a081d118b6" providerId="ADAL" clId="{594E9DB8-0978-4FF9-8A68-270611396743}" dt="2026-04-06T20:01:04.471" v="5922" actId="14100"/>
          <ac:spMkLst>
            <pc:docMk/>
            <pc:sldMk cId="1596867025" sldId="262"/>
            <ac:spMk id="12" creationId="{7A60C770-D302-C145-7F20-0FE5CBCD6C9C}"/>
          </ac:spMkLst>
        </pc:spChg>
      </pc:sldChg>
      <pc:sldChg chg="addSp delSp modSp add mod modNotesTx">
        <pc:chgData name="Jordan Roberts" userId="9b78abb5-3d19-481e-8b85-01a081d118b6" providerId="ADAL" clId="{594E9DB8-0978-4FF9-8A68-270611396743}" dt="2026-04-07T16:04:31.302" v="10252" actId="20577"/>
        <pc:sldMkLst>
          <pc:docMk/>
          <pc:sldMk cId="4047374318" sldId="263"/>
        </pc:sldMkLst>
        <pc:spChg chg="del">
          <ac:chgData name="Jordan Roberts" userId="9b78abb5-3d19-481e-8b85-01a081d118b6" providerId="ADAL" clId="{594E9DB8-0978-4FF9-8A68-270611396743}" dt="2026-04-06T14:57:13.873" v="2230" actId="478"/>
          <ac:spMkLst>
            <pc:docMk/>
            <pc:sldMk cId="4047374318" sldId="263"/>
            <ac:spMk id="3" creationId="{72911A32-AEC6-AB83-BBED-F58C3A7DD1FA}"/>
          </ac:spMkLst>
        </pc:spChg>
        <pc:spChg chg="add mod">
          <ac:chgData name="Jordan Roberts" userId="9b78abb5-3d19-481e-8b85-01a081d118b6" providerId="ADAL" clId="{594E9DB8-0978-4FF9-8A68-270611396743}" dt="2026-04-07T14:48:00.953" v="9541" actId="1037"/>
          <ac:spMkLst>
            <pc:docMk/>
            <pc:sldMk cId="4047374318" sldId="263"/>
            <ac:spMk id="3" creationId="{7B92A34E-0F93-9C6D-DF2C-F26F81277E75}"/>
          </ac:spMkLst>
        </pc:spChg>
        <pc:spChg chg="add mod">
          <ac:chgData name="Jordan Roberts" userId="9b78abb5-3d19-481e-8b85-01a081d118b6" providerId="ADAL" clId="{594E9DB8-0978-4FF9-8A68-270611396743}" dt="2026-04-07T14:47:52.757" v="9533" actId="1076"/>
          <ac:spMkLst>
            <pc:docMk/>
            <pc:sldMk cId="4047374318" sldId="263"/>
            <ac:spMk id="4" creationId="{B5F40D4C-5BE6-A3EF-EE36-83A736A0D4AE}"/>
          </ac:spMkLst>
        </pc:spChg>
        <pc:spChg chg="mod">
          <ac:chgData name="Jordan Roberts" userId="9b78abb5-3d19-481e-8b85-01a081d118b6" providerId="ADAL" clId="{594E9DB8-0978-4FF9-8A68-270611396743}" dt="2026-04-07T16:04:31.302" v="10252" actId="20577"/>
          <ac:spMkLst>
            <pc:docMk/>
            <pc:sldMk cId="4047374318" sldId="263"/>
            <ac:spMk id="5" creationId="{6AC3CB6A-5C2B-AAB4-4D5B-987ABB01B7F0}"/>
          </ac:spMkLst>
        </pc:spChg>
        <pc:spChg chg="add mod">
          <ac:chgData name="Jordan Roberts" userId="9b78abb5-3d19-481e-8b85-01a081d118b6" providerId="ADAL" clId="{594E9DB8-0978-4FF9-8A68-270611396743}" dt="2026-04-07T14:47:52.757" v="9533" actId="1076"/>
          <ac:spMkLst>
            <pc:docMk/>
            <pc:sldMk cId="4047374318" sldId="263"/>
            <ac:spMk id="6" creationId="{E3AEAF37-82FB-52C5-55FB-3DB5B2BE51F2}"/>
          </ac:spMkLst>
        </pc:spChg>
        <pc:spChg chg="add mod">
          <ac:chgData name="Jordan Roberts" userId="9b78abb5-3d19-481e-8b85-01a081d118b6" providerId="ADAL" clId="{594E9DB8-0978-4FF9-8A68-270611396743}" dt="2026-04-07T14:47:52.757" v="9533" actId="1076"/>
          <ac:spMkLst>
            <pc:docMk/>
            <pc:sldMk cId="4047374318" sldId="263"/>
            <ac:spMk id="7" creationId="{15D3FA9F-AA2A-2499-F997-796D8D59604D}"/>
          </ac:spMkLst>
        </pc:spChg>
        <pc:spChg chg="add mod">
          <ac:chgData name="Jordan Roberts" userId="9b78abb5-3d19-481e-8b85-01a081d118b6" providerId="ADAL" clId="{594E9DB8-0978-4FF9-8A68-270611396743}" dt="2026-04-07T14:47:36.616" v="9531" actId="20577"/>
          <ac:spMkLst>
            <pc:docMk/>
            <pc:sldMk cId="4047374318" sldId="263"/>
            <ac:spMk id="8" creationId="{6F5D3601-F89E-4A8B-B04F-5AE36ED43000}"/>
          </ac:spMkLst>
        </pc:spChg>
        <pc:spChg chg="mod">
          <ac:chgData name="Jordan Roberts" userId="9b78abb5-3d19-481e-8b85-01a081d118b6" providerId="ADAL" clId="{594E9DB8-0978-4FF9-8A68-270611396743}" dt="2026-04-07T14:47:41.147" v="9532" actId="20577"/>
          <ac:spMkLst>
            <pc:docMk/>
            <pc:sldMk cId="4047374318" sldId="263"/>
            <ac:spMk id="12" creationId="{3130A38F-9B2D-519E-FB29-79FB7F7C9538}"/>
          </ac:spMkLst>
        </pc:spChg>
      </pc:sldChg>
      <pc:sldChg chg="addSp modSp add del mod">
        <pc:chgData name="Jordan Roberts" userId="9b78abb5-3d19-481e-8b85-01a081d118b6" providerId="ADAL" clId="{594E9DB8-0978-4FF9-8A68-270611396743}" dt="2026-04-06T15:25:18.712" v="2728" actId="2696"/>
        <pc:sldMkLst>
          <pc:docMk/>
          <pc:sldMk cId="1657151994" sldId="264"/>
        </pc:sldMkLst>
        <pc:spChg chg="add mod">
          <ac:chgData name="Jordan Roberts" userId="9b78abb5-3d19-481e-8b85-01a081d118b6" providerId="ADAL" clId="{594E9DB8-0978-4FF9-8A68-270611396743}" dt="2026-04-06T15:24:29.216" v="2638" actId="20577"/>
          <ac:spMkLst>
            <pc:docMk/>
            <pc:sldMk cId="1657151994" sldId="264"/>
            <ac:spMk id="3" creationId="{8AE27DE8-A92B-EF86-3B09-C8FA3BA7BA27}"/>
          </ac:spMkLst>
        </pc:spChg>
        <pc:spChg chg="mod">
          <ac:chgData name="Jordan Roberts" userId="9b78abb5-3d19-481e-8b85-01a081d118b6" providerId="ADAL" clId="{594E9DB8-0978-4FF9-8A68-270611396743}" dt="2026-04-06T14:59:28.686" v="2539" actId="20577"/>
          <ac:spMkLst>
            <pc:docMk/>
            <pc:sldMk cId="1657151994" sldId="264"/>
            <ac:spMk id="12" creationId="{2A839E65-A1A2-B536-F619-1F3CE8F13A54}"/>
          </ac:spMkLst>
        </pc:spChg>
      </pc:sldChg>
      <pc:sldChg chg="addSp delSp modSp add mod modNotesTx">
        <pc:chgData name="Jordan Roberts" userId="9b78abb5-3d19-481e-8b85-01a081d118b6" providerId="ADAL" clId="{594E9DB8-0978-4FF9-8A68-270611396743}" dt="2026-04-07T14:49:23.902" v="9614" actId="21"/>
        <pc:sldMkLst>
          <pc:docMk/>
          <pc:sldMk cId="3091530815" sldId="264"/>
        </pc:sldMkLst>
        <pc:spChg chg="add del mod">
          <ac:chgData name="Jordan Roberts" userId="9b78abb5-3d19-481e-8b85-01a081d118b6" providerId="ADAL" clId="{594E9DB8-0978-4FF9-8A68-270611396743}" dt="2026-04-07T14:45:37.005" v="9500" actId="478"/>
          <ac:spMkLst>
            <pc:docMk/>
            <pc:sldMk cId="3091530815" sldId="264"/>
            <ac:spMk id="3" creationId="{5CD3226C-6C33-DEC0-C6BE-86275D340D4B}"/>
          </ac:spMkLst>
        </pc:spChg>
        <pc:spChg chg="add mod">
          <ac:chgData name="Jordan Roberts" userId="9b78abb5-3d19-481e-8b85-01a081d118b6" providerId="ADAL" clId="{594E9DB8-0978-4FF9-8A68-270611396743}" dt="2026-04-07T14:45:15.126" v="9462"/>
          <ac:spMkLst>
            <pc:docMk/>
            <pc:sldMk cId="3091530815" sldId="264"/>
            <ac:spMk id="4" creationId="{7E014E2D-3672-0E74-1A1D-707E03ADE5EE}"/>
          </ac:spMkLst>
        </pc:spChg>
        <pc:spChg chg="del mod">
          <ac:chgData name="Jordan Roberts" userId="9b78abb5-3d19-481e-8b85-01a081d118b6" providerId="ADAL" clId="{594E9DB8-0978-4FF9-8A68-270611396743}" dt="2026-04-07T14:45:42.725" v="9501" actId="21"/>
          <ac:spMkLst>
            <pc:docMk/>
            <pc:sldMk cId="3091530815" sldId="264"/>
            <ac:spMk id="5" creationId="{F03BC008-84E6-D98F-3B54-0573C7773C47}"/>
          </ac:spMkLst>
        </pc:spChg>
        <pc:spChg chg="add mod">
          <ac:chgData name="Jordan Roberts" userId="9b78abb5-3d19-481e-8b85-01a081d118b6" providerId="ADAL" clId="{594E9DB8-0978-4FF9-8A68-270611396743}" dt="2026-04-07T14:45:31.591" v="9499" actId="5793"/>
          <ac:spMkLst>
            <pc:docMk/>
            <pc:sldMk cId="3091530815" sldId="264"/>
            <ac:spMk id="6" creationId="{5171C112-7B1A-3953-F24A-2711271899FA}"/>
          </ac:spMkLst>
        </pc:spChg>
        <pc:spChg chg="add del mod">
          <ac:chgData name="Jordan Roberts" userId="9b78abb5-3d19-481e-8b85-01a081d118b6" providerId="ADAL" clId="{594E9DB8-0978-4FF9-8A68-270611396743}" dt="2026-04-07T00:20:14.382" v="7206" actId="21"/>
          <ac:spMkLst>
            <pc:docMk/>
            <pc:sldMk cId="3091530815" sldId="264"/>
            <ac:spMk id="7" creationId="{D420BDE2-A8A6-AE2F-DCE3-DA8CDCB28DE7}"/>
          </ac:spMkLst>
        </pc:spChg>
        <pc:spChg chg="add mod">
          <ac:chgData name="Jordan Roberts" userId="9b78abb5-3d19-481e-8b85-01a081d118b6" providerId="ADAL" clId="{594E9DB8-0978-4FF9-8A68-270611396743}" dt="2026-04-07T14:45:58.382" v="9505"/>
          <ac:spMkLst>
            <pc:docMk/>
            <pc:sldMk cId="3091530815" sldId="264"/>
            <ac:spMk id="8" creationId="{F03BC008-84E6-D98F-3B54-0573C7773C47}"/>
          </ac:spMkLst>
        </pc:spChg>
        <pc:spChg chg="add del mod">
          <ac:chgData name="Jordan Roberts" userId="9b78abb5-3d19-481e-8b85-01a081d118b6" providerId="ADAL" clId="{594E9DB8-0978-4FF9-8A68-270611396743}" dt="2026-04-07T14:46:17.550" v="9508" actId="21"/>
          <ac:spMkLst>
            <pc:docMk/>
            <pc:sldMk cId="3091530815" sldId="264"/>
            <ac:spMk id="9" creationId="{2AF05818-0705-9193-2B3D-1FAB618E4591}"/>
          </ac:spMkLst>
        </pc:spChg>
        <pc:spChg chg="add del mod">
          <ac:chgData name="Jordan Roberts" userId="9b78abb5-3d19-481e-8b85-01a081d118b6" providerId="ADAL" clId="{594E9DB8-0978-4FF9-8A68-270611396743}" dt="2026-04-07T14:46:23.363" v="9510" actId="21"/>
          <ac:spMkLst>
            <pc:docMk/>
            <pc:sldMk cId="3091530815" sldId="264"/>
            <ac:spMk id="10" creationId="{2AF05818-0705-9193-2B3D-1FAB618E4591}"/>
          </ac:spMkLst>
        </pc:spChg>
        <pc:spChg chg="add del mod">
          <ac:chgData name="Jordan Roberts" userId="9b78abb5-3d19-481e-8b85-01a081d118b6" providerId="ADAL" clId="{594E9DB8-0978-4FF9-8A68-270611396743}" dt="2026-04-07T14:49:23.902" v="9614" actId="21"/>
          <ac:spMkLst>
            <pc:docMk/>
            <pc:sldMk cId="3091530815" sldId="264"/>
            <ac:spMk id="11" creationId="{D420BDE2-A8A6-AE2F-DCE3-DA8CDCB28DE7}"/>
          </ac:spMkLst>
        </pc:spChg>
        <pc:spChg chg="mod">
          <ac:chgData name="Jordan Roberts" userId="9b78abb5-3d19-481e-8b85-01a081d118b6" providerId="ADAL" clId="{594E9DB8-0978-4FF9-8A68-270611396743}" dt="2026-04-06T21:55:47.669" v="6860" actId="255"/>
          <ac:spMkLst>
            <pc:docMk/>
            <pc:sldMk cId="3091530815" sldId="264"/>
            <ac:spMk id="12" creationId="{84E34E6F-9696-009D-1831-81C91543DD0F}"/>
          </ac:spMkLst>
        </pc:spChg>
        <pc:picChg chg="add del mod">
          <ac:chgData name="Jordan Roberts" userId="9b78abb5-3d19-481e-8b85-01a081d118b6" providerId="ADAL" clId="{594E9DB8-0978-4FF9-8A68-270611396743}" dt="2026-04-06T22:03:00.072" v="6920" actId="21"/>
          <ac:picMkLst>
            <pc:docMk/>
            <pc:sldMk cId="3091530815" sldId="264"/>
            <ac:picMk id="6" creationId="{C1A709CB-5BC9-2FEA-B28E-BAE6ED810587}"/>
          </ac:picMkLst>
        </pc:picChg>
        <pc:picChg chg="add del mod">
          <ac:chgData name="Jordan Roberts" userId="9b78abb5-3d19-481e-8b85-01a081d118b6" providerId="ADAL" clId="{594E9DB8-0978-4FF9-8A68-270611396743}" dt="2026-04-07T01:29:48.340" v="8454" actId="21"/>
          <ac:picMkLst>
            <pc:docMk/>
            <pc:sldMk cId="3091530815" sldId="264"/>
            <ac:picMk id="6" creationId="{DF2DFC10-4157-82BE-B427-2FE7B7A7AE89}"/>
          </ac:picMkLst>
        </pc:picChg>
        <pc:picChg chg="add mod">
          <ac:chgData name="Jordan Roberts" userId="9b78abb5-3d19-481e-8b85-01a081d118b6" providerId="ADAL" clId="{594E9DB8-0978-4FF9-8A68-270611396743}" dt="2026-04-07T01:29:50.480" v="8456"/>
          <ac:picMkLst>
            <pc:docMk/>
            <pc:sldMk cId="3091530815" sldId="264"/>
            <ac:picMk id="7" creationId="{DF2DFC10-4157-82BE-B427-2FE7B7A7AE89}"/>
          </ac:picMkLst>
        </pc:picChg>
        <pc:picChg chg="add del">
          <ac:chgData name="Jordan Roberts" userId="9b78abb5-3d19-481e-8b85-01a081d118b6" providerId="ADAL" clId="{594E9DB8-0978-4FF9-8A68-270611396743}" dt="2026-04-07T01:44:14.267" v="8533" actId="478"/>
          <ac:picMkLst>
            <pc:docMk/>
            <pc:sldMk cId="3091530815" sldId="264"/>
            <ac:picMk id="9" creationId="{0E73FC76-7750-1ACB-549A-CA656DFACCDD}"/>
          </ac:picMkLst>
        </pc:picChg>
        <pc:picChg chg="add del mod modCrop">
          <ac:chgData name="Jordan Roberts" userId="9b78abb5-3d19-481e-8b85-01a081d118b6" providerId="ADAL" clId="{594E9DB8-0978-4FF9-8A68-270611396743}" dt="2026-04-07T01:46:19.511" v="8546" actId="21"/>
          <ac:picMkLst>
            <pc:docMk/>
            <pc:sldMk cId="3091530815" sldId="264"/>
            <ac:picMk id="10" creationId="{50B63F28-323F-C055-A69F-B43A97EBC107}"/>
          </ac:picMkLst>
        </pc:picChg>
        <pc:picChg chg="add del mod">
          <ac:chgData name="Jordan Roberts" userId="9b78abb5-3d19-481e-8b85-01a081d118b6" providerId="ADAL" clId="{594E9DB8-0978-4FF9-8A68-270611396743}" dt="2026-04-07T01:29:50.060" v="8455" actId="478"/>
          <ac:picMkLst>
            <pc:docMk/>
            <pc:sldMk cId="3091530815" sldId="264"/>
            <ac:picMk id="20" creationId="{C1A709CB-5BC9-2FEA-B28E-BAE6ED810587}"/>
          </ac:picMkLst>
        </pc:picChg>
      </pc:sldChg>
      <pc:sldChg chg="modSp add mod">
        <pc:chgData name="Jordan Roberts" userId="9b78abb5-3d19-481e-8b85-01a081d118b6" providerId="ADAL" clId="{594E9DB8-0978-4FF9-8A68-270611396743}" dt="2026-04-06T15:25:09.030" v="2727" actId="20577"/>
        <pc:sldMkLst>
          <pc:docMk/>
          <pc:sldMk cId="1658731850" sldId="265"/>
        </pc:sldMkLst>
        <pc:spChg chg="mod">
          <ac:chgData name="Jordan Roberts" userId="9b78abb5-3d19-481e-8b85-01a081d118b6" providerId="ADAL" clId="{594E9DB8-0978-4FF9-8A68-270611396743}" dt="2026-04-06T15:25:09.030" v="2727" actId="20577"/>
          <ac:spMkLst>
            <pc:docMk/>
            <pc:sldMk cId="1658731850" sldId="265"/>
            <ac:spMk id="2" creationId="{E205533F-522B-609B-8C57-810C85BBB5FA}"/>
          </ac:spMkLst>
        </pc:spChg>
      </pc:sldChg>
      <pc:sldChg chg="addSp delSp modSp add mod modNotesTx">
        <pc:chgData name="Jordan Roberts" userId="9b78abb5-3d19-481e-8b85-01a081d118b6" providerId="ADAL" clId="{594E9DB8-0978-4FF9-8A68-270611396743}" dt="2026-04-06T22:01:34.675" v="6917" actId="255"/>
        <pc:sldMkLst>
          <pc:docMk/>
          <pc:sldMk cId="2865326404" sldId="266"/>
        </pc:sldMkLst>
        <pc:spChg chg="del">
          <ac:chgData name="Jordan Roberts" userId="9b78abb5-3d19-481e-8b85-01a081d118b6" providerId="ADAL" clId="{594E9DB8-0978-4FF9-8A68-270611396743}" dt="2026-04-06T15:28:52.137" v="3017" actId="478"/>
          <ac:spMkLst>
            <pc:docMk/>
            <pc:sldMk cId="2865326404" sldId="266"/>
            <ac:spMk id="5" creationId="{8D6A60E1-55F0-38C8-9FEE-B29D885787AE}"/>
          </ac:spMkLst>
        </pc:spChg>
        <pc:spChg chg="mod">
          <ac:chgData name="Jordan Roberts" userId="9b78abb5-3d19-481e-8b85-01a081d118b6" providerId="ADAL" clId="{594E9DB8-0978-4FF9-8A68-270611396743}" dt="2026-04-06T22:01:34.675" v="6917" actId="255"/>
          <ac:spMkLst>
            <pc:docMk/>
            <pc:sldMk cId="2865326404" sldId="266"/>
            <ac:spMk id="12" creationId="{D9967808-BFA6-E04F-2A8F-67913BEBC440}"/>
          </ac:spMkLst>
        </pc:spChg>
        <pc:graphicFrameChg chg="add mod modGraphic">
          <ac:chgData name="Jordan Roberts" userId="9b78abb5-3d19-481e-8b85-01a081d118b6" providerId="ADAL" clId="{594E9DB8-0978-4FF9-8A68-270611396743}" dt="2026-04-06T22:01:19.316" v="6916" actId="1076"/>
          <ac:graphicFrameMkLst>
            <pc:docMk/>
            <pc:sldMk cId="2865326404" sldId="266"/>
            <ac:graphicFrameMk id="3" creationId="{0FEA6744-F90F-0219-8A5D-A3361A9F0C42}"/>
          </ac:graphicFrameMkLst>
        </pc:graphicFrameChg>
      </pc:sldChg>
      <pc:sldChg chg="addSp delSp modSp add mod modNotesTx">
        <pc:chgData name="Jordan Roberts" userId="9b78abb5-3d19-481e-8b85-01a081d118b6" providerId="ADAL" clId="{594E9DB8-0978-4FF9-8A68-270611396743}" dt="2026-04-07T15:23:04.575" v="10021" actId="20577"/>
        <pc:sldMkLst>
          <pc:docMk/>
          <pc:sldMk cId="3041998607" sldId="267"/>
        </pc:sldMkLst>
        <pc:spChg chg="add del mod">
          <ac:chgData name="Jordan Roberts" userId="9b78abb5-3d19-481e-8b85-01a081d118b6" providerId="ADAL" clId="{594E9DB8-0978-4FF9-8A68-270611396743}" dt="2026-04-07T14:49:13.838" v="9610" actId="478"/>
          <ac:spMkLst>
            <pc:docMk/>
            <pc:sldMk cId="3041998607" sldId="267"/>
            <ac:spMk id="3" creationId="{6E19F12B-0361-A86F-BFEC-8C146E5B218F}"/>
          </ac:spMkLst>
        </pc:spChg>
        <pc:spChg chg="add mod">
          <ac:chgData name="Jordan Roberts" userId="9b78abb5-3d19-481e-8b85-01a081d118b6" providerId="ADAL" clId="{594E9DB8-0978-4FF9-8A68-270611396743}" dt="2026-04-07T14:49:43.597" v="9631" actId="20577"/>
          <ac:spMkLst>
            <pc:docMk/>
            <pc:sldMk cId="3041998607" sldId="267"/>
            <ac:spMk id="4" creationId="{771141D6-9389-B1D1-E929-9509E48A380E}"/>
          </ac:spMkLst>
        </pc:spChg>
        <pc:spChg chg="add del mod">
          <ac:chgData name="Jordan Roberts" userId="9b78abb5-3d19-481e-8b85-01a081d118b6" providerId="ADAL" clId="{594E9DB8-0978-4FF9-8A68-270611396743}" dt="2026-04-07T00:20:19.492" v="7207" actId="478"/>
          <ac:spMkLst>
            <pc:docMk/>
            <pc:sldMk cId="3041998607" sldId="267"/>
            <ac:spMk id="4" creationId="{E0EA2668-C559-55DE-7F1C-B68D87D72177}"/>
          </ac:spMkLst>
        </pc:spChg>
        <pc:spChg chg="add del mod">
          <ac:chgData name="Jordan Roberts" userId="9b78abb5-3d19-481e-8b85-01a081d118b6" providerId="ADAL" clId="{594E9DB8-0978-4FF9-8A68-270611396743}" dt="2026-04-07T14:50:22.668" v="9700" actId="21"/>
          <ac:spMkLst>
            <pc:docMk/>
            <pc:sldMk cId="3041998607" sldId="267"/>
            <ac:spMk id="5" creationId="{DA6F3AB8-1AD7-FD21-3B3F-B1FA608BEAA8}"/>
          </ac:spMkLst>
        </pc:spChg>
        <pc:spChg chg="add del mod">
          <ac:chgData name="Jordan Roberts" userId="9b78abb5-3d19-481e-8b85-01a081d118b6" providerId="ADAL" clId="{594E9DB8-0978-4FF9-8A68-270611396743}" dt="2026-04-07T14:49:16.301" v="9611" actId="21"/>
          <ac:spMkLst>
            <pc:docMk/>
            <pc:sldMk cId="3041998607" sldId="267"/>
            <ac:spMk id="7" creationId="{D420BDE2-A8A6-AE2F-DCE3-DA8CDCB28DE7}"/>
          </ac:spMkLst>
        </pc:spChg>
        <pc:spChg chg="add mod">
          <ac:chgData name="Jordan Roberts" userId="9b78abb5-3d19-481e-8b85-01a081d118b6" providerId="ADAL" clId="{594E9DB8-0978-4FF9-8A68-270611396743}" dt="2026-04-07T15:23:04.575" v="10021" actId="20577"/>
          <ac:spMkLst>
            <pc:docMk/>
            <pc:sldMk cId="3041998607" sldId="267"/>
            <ac:spMk id="11" creationId="{D420BDE2-A8A6-AE2F-DCE3-DA8CDCB28DE7}"/>
          </ac:spMkLst>
        </pc:spChg>
        <pc:spChg chg="mod">
          <ac:chgData name="Jordan Roberts" userId="9b78abb5-3d19-481e-8b85-01a081d118b6" providerId="ADAL" clId="{594E9DB8-0978-4FF9-8A68-270611396743}" dt="2026-04-07T15:21:56.735" v="10020" actId="20577"/>
          <ac:spMkLst>
            <pc:docMk/>
            <pc:sldMk cId="3041998607" sldId="267"/>
            <ac:spMk id="12" creationId="{D7D0405E-C293-4087-E445-3B07A8573596}"/>
          </ac:spMkLst>
        </pc:spChg>
        <pc:graphicFrameChg chg="del">
          <ac:chgData name="Jordan Roberts" userId="9b78abb5-3d19-481e-8b85-01a081d118b6" providerId="ADAL" clId="{594E9DB8-0978-4FF9-8A68-270611396743}" dt="2026-04-06T15:30:33.993" v="3194" actId="478"/>
          <ac:graphicFrameMkLst>
            <pc:docMk/>
            <pc:sldMk cId="3041998607" sldId="267"/>
            <ac:graphicFrameMk id="3" creationId="{91D38243-68D7-5983-A3AE-F1EAF97B5412}"/>
          </ac:graphicFrameMkLst>
        </pc:graphicFrameChg>
      </pc:sldChg>
      <pc:sldChg chg="addSp delSp modSp add mod modNotesTx">
        <pc:chgData name="Jordan Roberts" userId="9b78abb5-3d19-481e-8b85-01a081d118b6" providerId="ADAL" clId="{594E9DB8-0978-4FF9-8A68-270611396743}" dt="2026-04-07T15:06:06.492" v="9735" actId="21"/>
        <pc:sldMkLst>
          <pc:docMk/>
          <pc:sldMk cId="934063533" sldId="268"/>
        </pc:sldMkLst>
        <pc:spChg chg="add del mod">
          <ac:chgData name="Jordan Roberts" userId="9b78abb5-3d19-481e-8b85-01a081d118b6" providerId="ADAL" clId="{594E9DB8-0978-4FF9-8A68-270611396743}" dt="2026-04-07T14:50:12.137" v="9696" actId="478"/>
          <ac:spMkLst>
            <pc:docMk/>
            <pc:sldMk cId="934063533" sldId="268"/>
            <ac:spMk id="3" creationId="{D87644AE-0CC4-E083-4494-E50D049DEB86}"/>
          </ac:spMkLst>
        </pc:spChg>
        <pc:spChg chg="del mod">
          <ac:chgData name="Jordan Roberts" userId="9b78abb5-3d19-481e-8b85-01a081d118b6" providerId="ADAL" clId="{594E9DB8-0978-4FF9-8A68-270611396743}" dt="2026-04-07T14:50:14.774" v="9697" actId="21"/>
          <ac:spMkLst>
            <pc:docMk/>
            <pc:sldMk cId="934063533" sldId="268"/>
            <ac:spMk id="4" creationId="{DA6F3AB8-1AD7-FD21-3B3F-B1FA608BEAA8}"/>
          </ac:spMkLst>
        </pc:spChg>
        <pc:spChg chg="add mod">
          <ac:chgData name="Jordan Roberts" userId="9b78abb5-3d19-481e-8b85-01a081d118b6" providerId="ADAL" clId="{594E9DB8-0978-4FF9-8A68-270611396743}" dt="2026-04-07T14:50:08.750" v="9695" actId="20577"/>
          <ac:spMkLst>
            <pc:docMk/>
            <pc:sldMk cId="934063533" sldId="268"/>
            <ac:spMk id="7" creationId="{588CB9C5-42AF-A8C8-6CDA-1088753D5D47}"/>
          </ac:spMkLst>
        </pc:spChg>
        <pc:spChg chg="add mod">
          <ac:chgData name="Jordan Roberts" userId="9b78abb5-3d19-481e-8b85-01a081d118b6" providerId="ADAL" clId="{594E9DB8-0978-4FF9-8A68-270611396743}" dt="2026-04-07T14:50:23.984" v="9701"/>
          <ac:spMkLst>
            <pc:docMk/>
            <pc:sldMk cId="934063533" sldId="268"/>
            <ac:spMk id="8" creationId="{DA6F3AB8-1AD7-FD21-3B3F-B1FA608BEAA8}"/>
          </ac:spMkLst>
        </pc:spChg>
        <pc:spChg chg="add del mod">
          <ac:chgData name="Jordan Roberts" userId="9b78abb5-3d19-481e-8b85-01a081d118b6" providerId="ADAL" clId="{594E9DB8-0978-4FF9-8A68-270611396743}" dt="2026-04-07T15:06:06.492" v="9735" actId="21"/>
          <ac:spMkLst>
            <pc:docMk/>
            <pc:sldMk cId="934063533" sldId="268"/>
            <ac:spMk id="9" creationId="{309E37B4-4237-9EEE-FA68-CA8D2F6FA4E2}"/>
          </ac:spMkLst>
        </pc:spChg>
        <pc:spChg chg="mod">
          <ac:chgData name="Jordan Roberts" userId="9b78abb5-3d19-481e-8b85-01a081d118b6" providerId="ADAL" clId="{594E9DB8-0978-4FF9-8A68-270611396743}" dt="2026-04-07T00:28:01.594" v="7888" actId="255"/>
          <ac:spMkLst>
            <pc:docMk/>
            <pc:sldMk cId="934063533" sldId="268"/>
            <ac:spMk id="12" creationId="{16B7A089-C142-FCE8-DC82-4A5ABF183062}"/>
          </ac:spMkLst>
        </pc:spChg>
        <pc:picChg chg="add mod">
          <ac:chgData name="Jordan Roberts" userId="9b78abb5-3d19-481e-8b85-01a081d118b6" providerId="ADAL" clId="{594E9DB8-0978-4FF9-8A68-270611396743}" dt="2026-04-07T14:17:44.268" v="9255" actId="1076"/>
          <ac:picMkLst>
            <pc:docMk/>
            <pc:sldMk cId="934063533" sldId="268"/>
            <ac:picMk id="6" creationId="{B6ACA928-88A9-F9DF-5A07-9BC21F68B546}"/>
          </ac:picMkLst>
        </pc:picChg>
      </pc:sldChg>
      <pc:sldChg chg="addSp delSp modSp add mod modNotesTx">
        <pc:chgData name="Jordan Roberts" userId="9b78abb5-3d19-481e-8b85-01a081d118b6" providerId="ADAL" clId="{594E9DB8-0978-4FF9-8A68-270611396743}" dt="2026-04-07T15:26:01.500" v="10022" actId="14100"/>
        <pc:sldMkLst>
          <pc:docMk/>
          <pc:sldMk cId="3823059852" sldId="269"/>
        </pc:sldMkLst>
        <pc:spChg chg="add del mod">
          <ac:chgData name="Jordan Roberts" userId="9b78abb5-3d19-481e-8b85-01a081d118b6" providerId="ADAL" clId="{594E9DB8-0978-4FF9-8A68-270611396743}" dt="2026-04-07T15:05:49.347" v="9731" actId="478"/>
          <ac:spMkLst>
            <pc:docMk/>
            <pc:sldMk cId="3823059852" sldId="269"/>
            <ac:spMk id="3" creationId="{EDF3AC0C-6EAD-F4F4-9888-70A3C3CF0BEF}"/>
          </ac:spMkLst>
        </pc:spChg>
        <pc:spChg chg="del mod">
          <ac:chgData name="Jordan Roberts" userId="9b78abb5-3d19-481e-8b85-01a081d118b6" providerId="ADAL" clId="{594E9DB8-0978-4FF9-8A68-270611396743}" dt="2026-04-07T15:05:52.034" v="9732" actId="21"/>
          <ac:spMkLst>
            <pc:docMk/>
            <pc:sldMk cId="3823059852" sldId="269"/>
            <ac:spMk id="4" creationId="{309E37B4-4237-9EEE-FA68-CA8D2F6FA4E2}"/>
          </ac:spMkLst>
        </pc:spChg>
        <pc:spChg chg="add mod">
          <ac:chgData name="Jordan Roberts" userId="9b78abb5-3d19-481e-8b85-01a081d118b6" providerId="ADAL" clId="{594E9DB8-0978-4FF9-8A68-270611396743}" dt="2026-04-07T14:19:56.497" v="9268" actId="1076"/>
          <ac:spMkLst>
            <pc:docMk/>
            <pc:sldMk cId="3823059852" sldId="269"/>
            <ac:spMk id="6" creationId="{6E3FFA78-1165-66C4-0065-494212A9955B}"/>
          </ac:spMkLst>
        </pc:spChg>
        <pc:spChg chg="mod">
          <ac:chgData name="Jordan Roberts" userId="9b78abb5-3d19-481e-8b85-01a081d118b6" providerId="ADAL" clId="{594E9DB8-0978-4FF9-8A68-270611396743}" dt="2026-04-07T14:18:41.364" v="9256" actId="207"/>
          <ac:spMkLst>
            <pc:docMk/>
            <pc:sldMk cId="3823059852" sldId="269"/>
            <ac:spMk id="7" creationId="{A6E41541-B140-132D-343E-9CE7A74BB03B}"/>
          </ac:spMkLst>
        </pc:spChg>
        <pc:spChg chg="add mod">
          <ac:chgData name="Jordan Roberts" userId="9b78abb5-3d19-481e-8b85-01a081d118b6" providerId="ADAL" clId="{594E9DB8-0978-4FF9-8A68-270611396743}" dt="2026-04-07T14:13:31.844" v="9249" actId="1076"/>
          <ac:spMkLst>
            <pc:docMk/>
            <pc:sldMk cId="3823059852" sldId="269"/>
            <ac:spMk id="8" creationId="{2712F136-B425-AC97-A107-0F6A6ACD19CD}"/>
          </ac:spMkLst>
        </pc:spChg>
        <pc:spChg chg="add mod">
          <ac:chgData name="Jordan Roberts" userId="9b78abb5-3d19-481e-8b85-01a081d118b6" providerId="ADAL" clId="{594E9DB8-0978-4FF9-8A68-270611396743}" dt="2026-04-07T14:19:29.485" v="9265" actId="113"/>
          <ac:spMkLst>
            <pc:docMk/>
            <pc:sldMk cId="3823059852" sldId="269"/>
            <ac:spMk id="9" creationId="{8499FE29-19BD-729B-0132-1F5795F3362E}"/>
          </ac:spMkLst>
        </pc:spChg>
        <pc:spChg chg="mod">
          <ac:chgData name="Jordan Roberts" userId="9b78abb5-3d19-481e-8b85-01a081d118b6" providerId="ADAL" clId="{594E9DB8-0978-4FF9-8A68-270611396743}" dt="2026-04-07T14:18:45.258" v="9257" actId="207"/>
          <ac:spMkLst>
            <pc:docMk/>
            <pc:sldMk cId="3823059852" sldId="269"/>
            <ac:spMk id="10" creationId="{41BF6061-A185-C5E4-910F-FD809C273875}"/>
          </ac:spMkLst>
        </pc:spChg>
        <pc:spChg chg="add mod">
          <ac:chgData name="Jordan Roberts" userId="9b78abb5-3d19-481e-8b85-01a081d118b6" providerId="ADAL" clId="{594E9DB8-0978-4FF9-8A68-270611396743}" dt="2026-04-07T14:19:29.485" v="9265" actId="113"/>
          <ac:spMkLst>
            <pc:docMk/>
            <pc:sldMk cId="3823059852" sldId="269"/>
            <ac:spMk id="11" creationId="{0C620645-AE5A-3D2C-2048-324A23BCB422}"/>
          </ac:spMkLst>
        </pc:spChg>
        <pc:spChg chg="mod">
          <ac:chgData name="Jordan Roberts" userId="9b78abb5-3d19-481e-8b85-01a081d118b6" providerId="ADAL" clId="{594E9DB8-0978-4FF9-8A68-270611396743}" dt="2026-04-07T00:31:19.127" v="8009" actId="255"/>
          <ac:spMkLst>
            <pc:docMk/>
            <pc:sldMk cId="3823059852" sldId="269"/>
            <ac:spMk id="12" creationId="{30208CBB-D22C-2E43-4D37-B3FB7D929998}"/>
          </ac:spMkLst>
        </pc:spChg>
        <pc:spChg chg="mod">
          <ac:chgData name="Jordan Roberts" userId="9b78abb5-3d19-481e-8b85-01a081d118b6" providerId="ADAL" clId="{594E9DB8-0978-4FF9-8A68-270611396743}" dt="2026-04-07T14:18:48.953" v="9258" actId="207"/>
          <ac:spMkLst>
            <pc:docMk/>
            <pc:sldMk cId="3823059852" sldId="269"/>
            <ac:spMk id="13" creationId="{144917C4-4F1A-171F-216C-4341085D21E4}"/>
          </ac:spMkLst>
        </pc:spChg>
        <pc:spChg chg="add mod">
          <ac:chgData name="Jordan Roberts" userId="9b78abb5-3d19-481e-8b85-01a081d118b6" providerId="ADAL" clId="{594E9DB8-0978-4FF9-8A68-270611396743}" dt="2026-04-07T14:18:55.659" v="9261" actId="207"/>
          <ac:spMkLst>
            <pc:docMk/>
            <pc:sldMk cId="3823059852" sldId="269"/>
            <ac:spMk id="14" creationId="{F426371A-D2BB-22D4-4DB1-FA6537A5230D}"/>
          </ac:spMkLst>
        </pc:spChg>
        <pc:spChg chg="add mod">
          <ac:chgData name="Jordan Roberts" userId="9b78abb5-3d19-481e-8b85-01a081d118b6" providerId="ADAL" clId="{594E9DB8-0978-4FF9-8A68-270611396743}" dt="2026-04-07T14:18:59.393" v="9262" actId="207"/>
          <ac:spMkLst>
            <pc:docMk/>
            <pc:sldMk cId="3823059852" sldId="269"/>
            <ac:spMk id="15" creationId="{14ACC8C4-FE24-EF4D-6B03-EE77C9D2AEC6}"/>
          </ac:spMkLst>
        </pc:spChg>
        <pc:spChg chg="add mod">
          <ac:chgData name="Jordan Roberts" userId="9b78abb5-3d19-481e-8b85-01a081d118b6" providerId="ADAL" clId="{594E9DB8-0978-4FF9-8A68-270611396743}" dt="2026-04-07T14:19:29.485" v="9265" actId="113"/>
          <ac:spMkLst>
            <pc:docMk/>
            <pc:sldMk cId="3823059852" sldId="269"/>
            <ac:spMk id="16" creationId="{D296ADD8-687B-3E43-025D-E03DA49DB78A}"/>
          </ac:spMkLst>
        </pc:spChg>
        <pc:spChg chg="add mod">
          <ac:chgData name="Jordan Roberts" userId="9b78abb5-3d19-481e-8b85-01a081d118b6" providerId="ADAL" clId="{594E9DB8-0978-4FF9-8A68-270611396743}" dt="2026-04-07T14:19:29.485" v="9265" actId="113"/>
          <ac:spMkLst>
            <pc:docMk/>
            <pc:sldMk cId="3823059852" sldId="269"/>
            <ac:spMk id="17" creationId="{BE5511AD-E505-7DF5-940E-BB1E15D0D4D8}"/>
          </ac:spMkLst>
        </pc:spChg>
        <pc:spChg chg="add mod">
          <ac:chgData name="Jordan Roberts" userId="9b78abb5-3d19-481e-8b85-01a081d118b6" providerId="ADAL" clId="{594E9DB8-0978-4FF9-8A68-270611396743}" dt="2026-04-07T14:19:29.485" v="9265" actId="113"/>
          <ac:spMkLst>
            <pc:docMk/>
            <pc:sldMk cId="3823059852" sldId="269"/>
            <ac:spMk id="18" creationId="{3AFB2589-781E-BFC3-6476-C7510BDA503D}"/>
          </ac:spMkLst>
        </pc:spChg>
        <pc:spChg chg="add del mod">
          <ac:chgData name="Jordan Roberts" userId="9b78abb5-3d19-481e-8b85-01a081d118b6" providerId="ADAL" clId="{594E9DB8-0978-4FF9-8A68-270611396743}" dt="2026-04-07T14:13:22.968" v="9248" actId="478"/>
          <ac:spMkLst>
            <pc:docMk/>
            <pc:sldMk cId="3823059852" sldId="269"/>
            <ac:spMk id="19" creationId="{625677EC-42D0-5072-3359-05B25C649431}"/>
          </ac:spMkLst>
        </pc:spChg>
        <pc:spChg chg="add mod">
          <ac:chgData name="Jordan Roberts" userId="9b78abb5-3d19-481e-8b85-01a081d118b6" providerId="ADAL" clId="{594E9DB8-0978-4FF9-8A68-270611396743}" dt="2026-04-07T15:05:45.785" v="9730" actId="20577"/>
          <ac:spMkLst>
            <pc:docMk/>
            <pc:sldMk cId="3823059852" sldId="269"/>
            <ac:spMk id="20" creationId="{6BB3A4B0-B95D-921A-37F7-01868AC3857A}"/>
          </ac:spMkLst>
        </pc:spChg>
        <pc:spChg chg="add mod">
          <ac:chgData name="Jordan Roberts" userId="9b78abb5-3d19-481e-8b85-01a081d118b6" providerId="ADAL" clId="{594E9DB8-0978-4FF9-8A68-270611396743}" dt="2026-04-07T15:26:01.500" v="10022" actId="14100"/>
          <ac:spMkLst>
            <pc:docMk/>
            <pc:sldMk cId="3823059852" sldId="269"/>
            <ac:spMk id="21" creationId="{309E37B4-4237-9EEE-FA68-CA8D2F6FA4E2}"/>
          </ac:spMkLst>
        </pc:spChg>
        <pc:spChg chg="add del mod">
          <ac:chgData name="Jordan Roberts" userId="9b78abb5-3d19-481e-8b85-01a081d118b6" providerId="ADAL" clId="{594E9DB8-0978-4FF9-8A68-270611396743}" dt="2026-04-07T15:09:16.780" v="9899" actId="21"/>
          <ac:spMkLst>
            <pc:docMk/>
            <pc:sldMk cId="3823059852" sldId="269"/>
            <ac:spMk id="22" creationId="{8B6090E6-3640-1178-B7AD-54B71B34D365}"/>
          </ac:spMkLst>
        </pc:spChg>
        <pc:graphicFrameChg chg="modGraphic">
          <ac:chgData name="Jordan Roberts" userId="9b78abb5-3d19-481e-8b85-01a081d118b6" providerId="ADAL" clId="{594E9DB8-0978-4FF9-8A68-270611396743}" dt="2026-04-07T14:19:10.999" v="9263" actId="2711"/>
          <ac:graphicFrameMkLst>
            <pc:docMk/>
            <pc:sldMk cId="3823059852" sldId="269"/>
            <ac:graphicFrameMk id="5" creationId="{9BA59DC1-5AFF-4495-CD9C-EDC05AC17B01}"/>
          </ac:graphicFrameMkLst>
        </pc:graphicFrameChg>
      </pc:sldChg>
      <pc:sldChg chg="addSp modSp add mod">
        <pc:chgData name="Jordan Roberts" userId="9b78abb5-3d19-481e-8b85-01a081d118b6" providerId="ADAL" clId="{594E9DB8-0978-4FF9-8A68-270611396743}" dt="2026-04-07T16:06:22.119" v="10294" actId="20577"/>
        <pc:sldMkLst>
          <pc:docMk/>
          <pc:sldMk cId="3333433830" sldId="270"/>
        </pc:sldMkLst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3" creationId="{3DA55578-50AE-5850-8CAB-C97DB543CFF3}"/>
          </ac:spMkLst>
        </pc:spChg>
        <pc:spChg chg="mod">
          <ac:chgData name="Jordan Roberts" userId="9b78abb5-3d19-481e-8b85-01a081d118b6" providerId="ADAL" clId="{594E9DB8-0978-4FF9-8A68-270611396743}" dt="2026-04-07T16:05:29.279" v="10260" actId="20577"/>
          <ac:spMkLst>
            <pc:docMk/>
            <pc:sldMk cId="3333433830" sldId="270"/>
            <ac:spMk id="4" creationId="{0F219B99-369B-3F75-AE1B-04B81F9372A0}"/>
          </ac:spMkLst>
        </pc:spChg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5" creationId="{6CD60A0A-63A6-8390-C290-09162EC36DE7}"/>
          </ac:spMkLst>
        </pc:spChg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6" creationId="{F5A3FAB7-D546-29B8-66B7-376033F1C52B}"/>
          </ac:spMkLst>
        </pc:spChg>
        <pc:spChg chg="add mod">
          <ac:chgData name="Jordan Roberts" userId="9b78abb5-3d19-481e-8b85-01a081d118b6" providerId="ADAL" clId="{594E9DB8-0978-4FF9-8A68-270611396743}" dt="2026-04-07T16:05:53.449" v="10272" actId="20577"/>
          <ac:spMkLst>
            <pc:docMk/>
            <pc:sldMk cId="3333433830" sldId="270"/>
            <ac:spMk id="7" creationId="{9824947A-EE19-61AB-9069-E1AC9922B6DC}"/>
          </ac:spMkLst>
        </pc:spChg>
        <pc:spChg chg="add mod">
          <ac:chgData name="Jordan Roberts" userId="9b78abb5-3d19-481e-8b85-01a081d118b6" providerId="ADAL" clId="{594E9DB8-0978-4FF9-8A68-270611396743}" dt="2026-04-07T16:06:22.119" v="10294" actId="20577"/>
          <ac:spMkLst>
            <pc:docMk/>
            <pc:sldMk cId="3333433830" sldId="270"/>
            <ac:spMk id="8" creationId="{047178FA-440B-CA2C-72BC-618BADD11570}"/>
          </ac:spMkLst>
        </pc:spChg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9" creationId="{3CD93DAD-A39A-611E-5432-E7BB05E29C19}"/>
          </ac:spMkLst>
        </pc:spChg>
        <pc:spChg chg="mod">
          <ac:chgData name="Jordan Roberts" userId="9b78abb5-3d19-481e-8b85-01a081d118b6" providerId="ADAL" clId="{594E9DB8-0978-4FF9-8A68-270611396743}" dt="2026-04-06T21:50:07.211" v="6772" actId="255"/>
          <ac:spMkLst>
            <pc:docMk/>
            <pc:sldMk cId="3333433830" sldId="270"/>
            <ac:spMk id="12" creationId="{9910F297-FC88-DF4D-7B3A-06220E64F322}"/>
          </ac:spMkLst>
        </pc:spChg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14" creationId="{005DEBC7-D242-44FF-6122-97C1F021CFEA}"/>
          </ac:spMkLst>
        </pc:spChg>
        <pc:spChg chg="add mod">
          <ac:chgData name="Jordan Roberts" userId="9b78abb5-3d19-481e-8b85-01a081d118b6" providerId="ADAL" clId="{594E9DB8-0978-4FF9-8A68-270611396743}" dt="2026-04-06T21:50:16.204" v="6784" actId="1035"/>
          <ac:spMkLst>
            <pc:docMk/>
            <pc:sldMk cId="3333433830" sldId="270"/>
            <ac:spMk id="15" creationId="{496E6379-611F-21C7-2E6D-115064E6C7C9}"/>
          </ac:spMkLst>
        </pc:spChg>
        <pc:picChg chg="add mod">
          <ac:chgData name="Jordan Roberts" userId="9b78abb5-3d19-481e-8b85-01a081d118b6" providerId="ADAL" clId="{594E9DB8-0978-4FF9-8A68-270611396743}" dt="2026-04-07T00:35:59.331" v="8042" actId="207"/>
          <ac:picMkLst>
            <pc:docMk/>
            <pc:sldMk cId="3333433830" sldId="270"/>
            <ac:picMk id="10" creationId="{F0D3698E-AF6A-64CE-EC94-3754080ED4DC}"/>
          </ac:picMkLst>
        </pc:picChg>
        <pc:picChg chg="add mod">
          <ac:chgData name="Jordan Roberts" userId="9b78abb5-3d19-481e-8b85-01a081d118b6" providerId="ADAL" clId="{594E9DB8-0978-4FF9-8A68-270611396743}" dt="2026-04-07T00:35:59.331" v="8042" actId="207"/>
          <ac:picMkLst>
            <pc:docMk/>
            <pc:sldMk cId="3333433830" sldId="270"/>
            <ac:picMk id="11" creationId="{D5437EB9-5F32-66CA-E13F-7166A38566BC}"/>
          </ac:picMkLst>
        </pc:picChg>
        <pc:picChg chg="add mod">
          <ac:chgData name="Jordan Roberts" userId="9b78abb5-3d19-481e-8b85-01a081d118b6" providerId="ADAL" clId="{594E9DB8-0978-4FF9-8A68-270611396743}" dt="2026-04-07T00:35:59.331" v="8042" actId="207"/>
          <ac:picMkLst>
            <pc:docMk/>
            <pc:sldMk cId="3333433830" sldId="270"/>
            <ac:picMk id="13" creationId="{3D80F48B-B0B3-AAE3-FCCD-C76C041064B8}"/>
          </ac:picMkLst>
        </pc:picChg>
      </pc:sldChg>
      <pc:sldChg chg="delSp modSp add del mod">
        <pc:chgData name="Jordan Roberts" userId="9b78abb5-3d19-481e-8b85-01a081d118b6" providerId="ADAL" clId="{594E9DB8-0978-4FF9-8A68-270611396743}" dt="2026-04-07T13:48:18.416" v="8979" actId="47"/>
        <pc:sldMkLst>
          <pc:docMk/>
          <pc:sldMk cId="230308472" sldId="271"/>
        </pc:sldMkLst>
        <pc:spChg chg="mod">
          <ac:chgData name="Jordan Roberts" userId="9b78abb5-3d19-481e-8b85-01a081d118b6" providerId="ADAL" clId="{594E9DB8-0978-4FF9-8A68-270611396743}" dt="2026-04-07T13:36:12.166" v="8610" actId="20577"/>
          <ac:spMkLst>
            <pc:docMk/>
            <pc:sldMk cId="230308472" sldId="271"/>
            <ac:spMk id="3" creationId="{115D4BB7-BB1A-3033-2CB5-3DEF83C72BDC}"/>
          </ac:spMkLst>
        </pc:spChg>
        <pc:spChg chg="mod">
          <ac:chgData name="Jordan Roberts" userId="9b78abb5-3d19-481e-8b85-01a081d118b6" providerId="ADAL" clId="{594E9DB8-0978-4FF9-8A68-270611396743}" dt="2026-04-07T13:23:29.082" v="8599" actId="14100"/>
          <ac:spMkLst>
            <pc:docMk/>
            <pc:sldMk cId="230308472" sldId="271"/>
            <ac:spMk id="12" creationId="{A04AB1E3-A18A-FAD3-2D9E-664FE3137CE1}"/>
          </ac:spMkLst>
        </pc:spChg>
        <pc:picChg chg="del">
          <ac:chgData name="Jordan Roberts" userId="9b78abb5-3d19-481e-8b85-01a081d118b6" providerId="ADAL" clId="{594E9DB8-0978-4FF9-8A68-270611396743}" dt="2026-04-07T13:23:32.255" v="8600" actId="478"/>
          <ac:picMkLst>
            <pc:docMk/>
            <pc:sldMk cId="230308472" sldId="271"/>
            <ac:picMk id="19" creationId="{E142040D-444B-5205-DBA7-9EE8F0CDFE59}"/>
          </ac:picMkLst>
        </pc:picChg>
      </pc:sldChg>
      <pc:sldChg chg="addSp delSp modSp add mod ord">
        <pc:chgData name="Jordan Roberts" userId="9b78abb5-3d19-481e-8b85-01a081d118b6" providerId="ADAL" clId="{594E9DB8-0978-4FF9-8A68-270611396743}" dt="2026-04-07T15:42:49.433" v="10212" actId="20577"/>
        <pc:sldMkLst>
          <pc:docMk/>
          <pc:sldMk cId="1112212310" sldId="271"/>
        </pc:sldMkLst>
        <pc:spChg chg="del">
          <ac:chgData name="Jordan Roberts" userId="9b78abb5-3d19-481e-8b85-01a081d118b6" providerId="ADAL" clId="{594E9DB8-0978-4FF9-8A68-270611396743}" dt="2026-04-07T13:58:47.319" v="8982" actId="478"/>
          <ac:spMkLst>
            <pc:docMk/>
            <pc:sldMk cId="1112212310" sldId="271"/>
            <ac:spMk id="4" creationId="{F4ACF106-3710-D473-1ECF-77F4A0821E52}"/>
          </ac:spMkLst>
        </pc:spChg>
        <pc:spChg chg="mod">
          <ac:chgData name="Jordan Roberts" userId="9b78abb5-3d19-481e-8b85-01a081d118b6" providerId="ADAL" clId="{594E9DB8-0978-4FF9-8A68-270611396743}" dt="2026-04-07T15:42:49.433" v="10212" actId="20577"/>
          <ac:spMkLst>
            <pc:docMk/>
            <pc:sldMk cId="1112212310" sldId="271"/>
            <ac:spMk id="5" creationId="{DFAABC4F-8424-7642-7654-92D22BDC06DE}"/>
          </ac:spMkLst>
        </pc:spChg>
        <pc:spChg chg="del">
          <ac:chgData name="Jordan Roberts" userId="9b78abb5-3d19-481e-8b85-01a081d118b6" providerId="ADAL" clId="{594E9DB8-0978-4FF9-8A68-270611396743}" dt="2026-04-07T13:58:47.319" v="8982" actId="478"/>
          <ac:spMkLst>
            <pc:docMk/>
            <pc:sldMk cId="1112212310" sldId="271"/>
            <ac:spMk id="6" creationId="{DE8EC1AA-C417-1641-6E8C-C2D1327D49DB}"/>
          </ac:spMkLst>
        </pc:spChg>
        <pc:spChg chg="del">
          <ac:chgData name="Jordan Roberts" userId="9b78abb5-3d19-481e-8b85-01a081d118b6" providerId="ADAL" clId="{594E9DB8-0978-4FF9-8A68-270611396743}" dt="2026-04-07T13:58:47.319" v="8982" actId="478"/>
          <ac:spMkLst>
            <pc:docMk/>
            <pc:sldMk cId="1112212310" sldId="271"/>
            <ac:spMk id="8" creationId="{C0A74B35-7CE4-45B1-088A-D1D1BC279EFF}"/>
          </ac:spMkLst>
        </pc:spChg>
        <pc:spChg chg="mod">
          <ac:chgData name="Jordan Roberts" userId="9b78abb5-3d19-481e-8b85-01a081d118b6" providerId="ADAL" clId="{594E9DB8-0978-4FF9-8A68-270611396743}" dt="2026-04-07T15:28:03.327" v="10034" actId="14100"/>
          <ac:spMkLst>
            <pc:docMk/>
            <pc:sldMk cId="1112212310" sldId="271"/>
            <ac:spMk id="9" creationId="{015A1341-C2D0-09E4-5647-2950F928D92C}"/>
          </ac:spMkLst>
        </pc:spChg>
        <pc:spChg chg="add del mod">
          <ac:chgData name="Jordan Roberts" userId="9b78abb5-3d19-481e-8b85-01a081d118b6" providerId="ADAL" clId="{594E9DB8-0978-4FF9-8A68-270611396743}" dt="2026-04-07T14:03:39.650" v="9121" actId="478"/>
          <ac:spMkLst>
            <pc:docMk/>
            <pc:sldMk cId="1112212310" sldId="271"/>
            <ac:spMk id="19" creationId="{C0B3192C-86C0-6D59-D405-C00FDA6D7985}"/>
          </ac:spMkLst>
        </pc:spChg>
        <pc:spChg chg="add del mod">
          <ac:chgData name="Jordan Roberts" userId="9b78abb5-3d19-481e-8b85-01a081d118b6" providerId="ADAL" clId="{594E9DB8-0978-4FF9-8A68-270611396743}" dt="2026-04-07T14:03:35.671" v="9119" actId="478"/>
          <ac:spMkLst>
            <pc:docMk/>
            <pc:sldMk cId="1112212310" sldId="271"/>
            <ac:spMk id="30" creationId="{A98D62BD-8D04-8BCA-036C-6521DA742B76}"/>
          </ac:spMkLst>
        </pc:spChg>
        <pc:spChg chg="add mod">
          <ac:chgData name="Jordan Roberts" userId="9b78abb5-3d19-481e-8b85-01a081d118b6" providerId="ADAL" clId="{594E9DB8-0978-4FF9-8A68-270611396743}" dt="2026-04-07T14:11:43.211" v="9238" actId="1076"/>
          <ac:spMkLst>
            <pc:docMk/>
            <pc:sldMk cId="1112212310" sldId="271"/>
            <ac:spMk id="31" creationId="{17BCE67B-C804-BA2D-50EF-D1ABD5E5D1A1}"/>
          </ac:spMkLst>
        </pc:spChg>
        <pc:spChg chg="add mod">
          <ac:chgData name="Jordan Roberts" userId="9b78abb5-3d19-481e-8b85-01a081d118b6" providerId="ADAL" clId="{594E9DB8-0978-4FF9-8A68-270611396743}" dt="2026-04-07T14:11:43.211" v="9238" actId="1076"/>
          <ac:spMkLst>
            <pc:docMk/>
            <pc:sldMk cId="1112212310" sldId="271"/>
            <ac:spMk id="32" creationId="{189B76D6-9903-2695-D2AC-B11BE14D1EC9}"/>
          </ac:spMkLst>
        </pc:spChg>
        <pc:spChg chg="add mod">
          <ac:chgData name="Jordan Roberts" userId="9b78abb5-3d19-481e-8b85-01a081d118b6" providerId="ADAL" clId="{594E9DB8-0978-4FF9-8A68-270611396743}" dt="2026-04-07T14:11:43.211" v="9238" actId="1076"/>
          <ac:spMkLst>
            <pc:docMk/>
            <pc:sldMk cId="1112212310" sldId="271"/>
            <ac:spMk id="33" creationId="{08C8B137-2CAC-99AC-0AA7-E2964B731A0F}"/>
          </ac:spMkLst>
        </pc:s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10" creationId="{8D0CE6B8-7322-4770-3FAD-2510D230C3BF}"/>
          </ac:grpSpMkLst>
        </pc:gr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14" creationId="{DB4C3F31-F4BF-4C15-7C8D-CE4456BBB4DF}"/>
          </ac:grpSpMkLst>
        </pc:gr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17" creationId="{0B7136A5-C7C9-0301-6CE5-3FC303774B99}"/>
          </ac:grpSpMkLst>
        </pc:gr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21" creationId="{9586C0C0-BCAC-22CC-647A-BB4592042FBE}"/>
          </ac:grpSpMkLst>
        </pc:gr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24" creationId="{BFD2B8BC-01C4-F29C-543E-963B93E628E0}"/>
          </ac:grpSpMkLst>
        </pc:grpChg>
        <pc:grpChg chg="del">
          <ac:chgData name="Jordan Roberts" userId="9b78abb5-3d19-481e-8b85-01a081d118b6" providerId="ADAL" clId="{594E9DB8-0978-4FF9-8A68-270611396743}" dt="2026-04-07T13:58:47.319" v="8982" actId="478"/>
          <ac:grpSpMkLst>
            <pc:docMk/>
            <pc:sldMk cId="1112212310" sldId="271"/>
            <ac:grpSpMk id="27" creationId="{596EF9B2-A63A-98D6-F305-3069F0EBE61E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42" creationId="{EB30118A-DA16-B377-78AD-A9016500F4E2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43" creationId="{0A5E2B89-C468-4CFF-B021-1052BA1CECD2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46" creationId="{A1B461CC-4311-091F-1DAC-B5BAACF6DBA4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49" creationId="{52F267B3-1707-FD77-1E57-D26BAD6ECED2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52" creationId="{0C70A703-D10E-46A0-19C7-FCBD602D73B4}"/>
          </ac:grpSpMkLst>
        </pc:grpChg>
        <pc:grpChg chg="add mod ord">
          <ac:chgData name="Jordan Roberts" userId="9b78abb5-3d19-481e-8b85-01a081d118b6" providerId="ADAL" clId="{594E9DB8-0978-4FF9-8A68-270611396743}" dt="2026-04-07T14:11:43.211" v="9238" actId="1076"/>
          <ac:grpSpMkLst>
            <pc:docMk/>
            <pc:sldMk cId="1112212310" sldId="271"/>
            <ac:grpSpMk id="55" creationId="{8B3FF678-3EF8-9DA9-33D7-DF8095DCEDA1}"/>
          </ac:grpSpMkLst>
        </pc:grpChg>
        <pc:picChg chg="add del mod ord">
          <ac:chgData name="Jordan Roberts" userId="9b78abb5-3d19-481e-8b85-01a081d118b6" providerId="ADAL" clId="{594E9DB8-0978-4FF9-8A68-270611396743}" dt="2026-04-07T14:08:30.699" v="9198" actId="478"/>
          <ac:picMkLst>
            <pc:docMk/>
            <pc:sldMk cId="1112212310" sldId="271"/>
            <ac:picMk id="35" creationId="{9F91EAAE-2120-3699-F550-A5EC9FDFE0B2}"/>
          </ac:picMkLst>
        </pc:picChg>
        <pc:picChg chg="add del mod">
          <ac:chgData name="Jordan Roberts" userId="9b78abb5-3d19-481e-8b85-01a081d118b6" providerId="ADAL" clId="{594E9DB8-0978-4FF9-8A68-270611396743}" dt="2026-04-07T14:08:28.848" v="9197" actId="478"/>
          <ac:picMkLst>
            <pc:docMk/>
            <pc:sldMk cId="1112212310" sldId="271"/>
            <ac:picMk id="36" creationId="{7521D952-1CAE-5556-7564-DA1E6206830A}"/>
          </ac:picMkLst>
        </pc:picChg>
        <pc:cxnChg chg="add mod">
          <ac:chgData name="Jordan Roberts" userId="9b78abb5-3d19-481e-8b85-01a081d118b6" providerId="ADAL" clId="{594E9DB8-0978-4FF9-8A68-270611396743}" dt="2026-04-07T14:09:17.776" v="9212" actId="692"/>
          <ac:cxnSpMkLst>
            <pc:docMk/>
            <pc:sldMk cId="1112212310" sldId="271"/>
            <ac:cxnSpMk id="38" creationId="{814BCB9A-AA9D-D5F6-D18E-6297A25A918A}"/>
          </ac:cxnSpMkLst>
        </pc:cxnChg>
        <pc:cxnChg chg="add mod">
          <ac:chgData name="Jordan Roberts" userId="9b78abb5-3d19-481e-8b85-01a081d118b6" providerId="ADAL" clId="{594E9DB8-0978-4FF9-8A68-270611396743}" dt="2026-04-07T14:09:17.776" v="9212" actId="692"/>
          <ac:cxnSpMkLst>
            <pc:docMk/>
            <pc:sldMk cId="1112212310" sldId="271"/>
            <ac:cxnSpMk id="40" creationId="{0F852AA0-3961-94E7-5887-FB42A8C043DD}"/>
          </ac:cxnSpMkLst>
        </pc:cxnChg>
        <pc:cxnChg chg="mod">
          <ac:chgData name="Jordan Roberts" userId="9b78abb5-3d19-481e-8b85-01a081d118b6" providerId="ADAL" clId="{594E9DB8-0978-4FF9-8A68-270611396743}" dt="2026-04-07T14:09:26.376" v="9214"/>
          <ac:cxnSpMkLst>
            <pc:docMk/>
            <pc:sldMk cId="1112212310" sldId="271"/>
            <ac:cxnSpMk id="44" creationId="{A54E25F9-8F17-DB0D-792B-C7AD9D6FCAFD}"/>
          </ac:cxnSpMkLst>
        </pc:cxnChg>
        <pc:cxnChg chg="mod">
          <ac:chgData name="Jordan Roberts" userId="9b78abb5-3d19-481e-8b85-01a081d118b6" providerId="ADAL" clId="{594E9DB8-0978-4FF9-8A68-270611396743}" dt="2026-04-07T14:09:26.376" v="9214"/>
          <ac:cxnSpMkLst>
            <pc:docMk/>
            <pc:sldMk cId="1112212310" sldId="271"/>
            <ac:cxnSpMk id="45" creationId="{3C818575-B71E-CA43-E2BA-B076AF71BD7C}"/>
          </ac:cxnSpMkLst>
        </pc:cxnChg>
        <pc:cxnChg chg="mod">
          <ac:chgData name="Jordan Roberts" userId="9b78abb5-3d19-481e-8b85-01a081d118b6" providerId="ADAL" clId="{594E9DB8-0978-4FF9-8A68-270611396743}" dt="2026-04-07T14:09:40.837" v="9218"/>
          <ac:cxnSpMkLst>
            <pc:docMk/>
            <pc:sldMk cId="1112212310" sldId="271"/>
            <ac:cxnSpMk id="47" creationId="{77243BED-4390-FB55-0ECC-CA0410DFB6DE}"/>
          </ac:cxnSpMkLst>
        </pc:cxnChg>
        <pc:cxnChg chg="mod">
          <ac:chgData name="Jordan Roberts" userId="9b78abb5-3d19-481e-8b85-01a081d118b6" providerId="ADAL" clId="{594E9DB8-0978-4FF9-8A68-270611396743}" dt="2026-04-07T14:09:40.837" v="9218"/>
          <ac:cxnSpMkLst>
            <pc:docMk/>
            <pc:sldMk cId="1112212310" sldId="271"/>
            <ac:cxnSpMk id="48" creationId="{50DFBFB4-9783-34DE-A735-D845AE76CBFC}"/>
          </ac:cxnSpMkLst>
        </pc:cxnChg>
        <pc:cxnChg chg="mod">
          <ac:chgData name="Jordan Roberts" userId="9b78abb5-3d19-481e-8b85-01a081d118b6" providerId="ADAL" clId="{594E9DB8-0978-4FF9-8A68-270611396743}" dt="2026-04-07T14:10:02.261" v="9225"/>
          <ac:cxnSpMkLst>
            <pc:docMk/>
            <pc:sldMk cId="1112212310" sldId="271"/>
            <ac:cxnSpMk id="50" creationId="{95BF9092-42AE-2658-AB72-6F4D21E71E50}"/>
          </ac:cxnSpMkLst>
        </pc:cxnChg>
        <pc:cxnChg chg="mod">
          <ac:chgData name="Jordan Roberts" userId="9b78abb5-3d19-481e-8b85-01a081d118b6" providerId="ADAL" clId="{594E9DB8-0978-4FF9-8A68-270611396743}" dt="2026-04-07T14:10:02.261" v="9225"/>
          <ac:cxnSpMkLst>
            <pc:docMk/>
            <pc:sldMk cId="1112212310" sldId="271"/>
            <ac:cxnSpMk id="51" creationId="{3E7BD702-5ABF-C729-F69B-4B3839E0862B}"/>
          </ac:cxnSpMkLst>
        </pc:cxnChg>
        <pc:cxnChg chg="mod">
          <ac:chgData name="Jordan Roberts" userId="9b78abb5-3d19-481e-8b85-01a081d118b6" providerId="ADAL" clId="{594E9DB8-0978-4FF9-8A68-270611396743}" dt="2026-04-07T14:10:19.700" v="9229"/>
          <ac:cxnSpMkLst>
            <pc:docMk/>
            <pc:sldMk cId="1112212310" sldId="271"/>
            <ac:cxnSpMk id="53" creationId="{20508003-832E-0E1A-E0C6-30875A1E097E}"/>
          </ac:cxnSpMkLst>
        </pc:cxnChg>
        <pc:cxnChg chg="mod">
          <ac:chgData name="Jordan Roberts" userId="9b78abb5-3d19-481e-8b85-01a081d118b6" providerId="ADAL" clId="{594E9DB8-0978-4FF9-8A68-270611396743}" dt="2026-04-07T14:10:19.700" v="9229"/>
          <ac:cxnSpMkLst>
            <pc:docMk/>
            <pc:sldMk cId="1112212310" sldId="271"/>
            <ac:cxnSpMk id="54" creationId="{2F331071-CDD3-0DE6-9F51-A27CE2BFCCEB}"/>
          </ac:cxnSpMkLst>
        </pc:cxnChg>
        <pc:cxnChg chg="mod">
          <ac:chgData name="Jordan Roberts" userId="9b78abb5-3d19-481e-8b85-01a081d118b6" providerId="ADAL" clId="{594E9DB8-0978-4FF9-8A68-270611396743}" dt="2026-04-07T14:10:19.700" v="9229"/>
          <ac:cxnSpMkLst>
            <pc:docMk/>
            <pc:sldMk cId="1112212310" sldId="271"/>
            <ac:cxnSpMk id="56" creationId="{9F6D69BE-6FB8-61B2-3DA6-323C0C6591B8}"/>
          </ac:cxnSpMkLst>
        </pc:cxnChg>
        <pc:cxnChg chg="mod">
          <ac:chgData name="Jordan Roberts" userId="9b78abb5-3d19-481e-8b85-01a081d118b6" providerId="ADAL" clId="{594E9DB8-0978-4FF9-8A68-270611396743}" dt="2026-04-07T14:10:19.700" v="9229"/>
          <ac:cxnSpMkLst>
            <pc:docMk/>
            <pc:sldMk cId="1112212310" sldId="271"/>
            <ac:cxnSpMk id="57" creationId="{18B2B9CA-2A70-58E3-63CC-F4F55F4EA457}"/>
          </ac:cxnSpMkLst>
        </pc:cxnChg>
      </pc:sldChg>
      <pc:sldChg chg="addSp delSp modSp add del mod">
        <pc:chgData name="Jordan Roberts" userId="9b78abb5-3d19-481e-8b85-01a081d118b6" providerId="ADAL" clId="{594E9DB8-0978-4FF9-8A68-270611396743}" dt="2026-04-07T01:08:51.297" v="8115" actId="47"/>
        <pc:sldMkLst>
          <pc:docMk/>
          <pc:sldMk cId="1853991164" sldId="271"/>
        </pc:sldMkLst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3" creationId="{A6A24B8F-103F-1B17-68AA-8C3BDFBD7EEF}"/>
          </ac:spMkLst>
        </pc:spChg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4" creationId="{F97295B7-0DE6-21BD-5ED4-FF75315E2789}"/>
          </ac:spMkLst>
        </pc:spChg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5" creationId="{6D41093F-87E9-9234-3EFC-D25DD4C85E28}"/>
          </ac:spMkLst>
        </pc:spChg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6" creationId="{431738FA-CB3D-0BFB-C5BC-CB6D3F6CE4D8}"/>
          </ac:spMkLst>
        </pc:spChg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7" creationId="{BF979637-6531-010F-50BA-4C1A5A39C147}"/>
          </ac:spMkLst>
        </pc:spChg>
        <pc:spChg chg="del">
          <ac:chgData name="Jordan Roberts" userId="9b78abb5-3d19-481e-8b85-01a081d118b6" providerId="ADAL" clId="{594E9DB8-0978-4FF9-8A68-270611396743}" dt="2026-04-06T16:19:05.208" v="4427" actId="478"/>
          <ac:spMkLst>
            <pc:docMk/>
            <pc:sldMk cId="1853991164" sldId="271"/>
            <ac:spMk id="8" creationId="{37C39B70-ED61-EA54-4304-B798AEA47189}"/>
          </ac:spMkLst>
        </pc:spChg>
        <pc:spChg chg="add mod">
          <ac:chgData name="Jordan Roberts" userId="9b78abb5-3d19-481e-8b85-01a081d118b6" providerId="ADAL" clId="{594E9DB8-0978-4FF9-8A68-270611396743}" dt="2026-04-06T16:20:13.532" v="4606" actId="20577"/>
          <ac:spMkLst>
            <pc:docMk/>
            <pc:sldMk cId="1853991164" sldId="271"/>
            <ac:spMk id="9" creationId="{22E42399-FE96-B687-8EB3-9760A93893E0}"/>
          </ac:spMkLst>
        </pc:spChg>
        <pc:spChg chg="mod">
          <ac:chgData name="Jordan Roberts" userId="9b78abb5-3d19-481e-8b85-01a081d118b6" providerId="ADAL" clId="{594E9DB8-0978-4FF9-8A68-270611396743}" dt="2026-04-06T16:18:59.967" v="4426" actId="20577"/>
          <ac:spMkLst>
            <pc:docMk/>
            <pc:sldMk cId="1853991164" sldId="271"/>
            <ac:spMk id="12" creationId="{5899FD17-02AD-418F-9851-30E58CF2D83F}"/>
          </ac:spMkLst>
        </pc:spChg>
      </pc:sldChg>
      <pc:sldChg chg="modSp add del mod modNotesTx">
        <pc:chgData name="Jordan Roberts" userId="9b78abb5-3d19-481e-8b85-01a081d118b6" providerId="ADAL" clId="{594E9DB8-0978-4FF9-8A68-270611396743}" dt="2026-04-07T01:08:52.567" v="8116" actId="47"/>
        <pc:sldMkLst>
          <pc:docMk/>
          <pc:sldMk cId="4246316577" sldId="272"/>
        </pc:sldMkLst>
        <pc:spChg chg="mod">
          <ac:chgData name="Jordan Roberts" userId="9b78abb5-3d19-481e-8b85-01a081d118b6" providerId="ADAL" clId="{594E9DB8-0978-4FF9-8A68-270611396743}" dt="2026-04-06T16:21:23.118" v="4711" actId="20577"/>
          <ac:spMkLst>
            <pc:docMk/>
            <pc:sldMk cId="4246316577" sldId="272"/>
            <ac:spMk id="9" creationId="{E232E6E4-148B-3213-353C-081CC10BE02F}"/>
          </ac:spMkLst>
        </pc:spChg>
        <pc:spChg chg="mod">
          <ac:chgData name="Jordan Roberts" userId="9b78abb5-3d19-481e-8b85-01a081d118b6" providerId="ADAL" clId="{594E9DB8-0978-4FF9-8A68-270611396743}" dt="2026-04-06T16:20:40.535" v="4626" actId="20577"/>
          <ac:spMkLst>
            <pc:docMk/>
            <pc:sldMk cId="4246316577" sldId="272"/>
            <ac:spMk id="12" creationId="{BC29BDFF-6062-D1A6-8962-3600F3D5D2AE}"/>
          </ac:spMkLst>
        </pc:spChg>
      </pc:sldChg>
      <pc:sldChg chg="addSp modSp add del mod">
        <pc:chgData name="Jordan Roberts" userId="9b78abb5-3d19-481e-8b85-01a081d118b6" providerId="ADAL" clId="{594E9DB8-0978-4FF9-8A68-270611396743}" dt="2026-04-07T01:08:53.738" v="8117" actId="47"/>
        <pc:sldMkLst>
          <pc:docMk/>
          <pc:sldMk cId="3457793463" sldId="273"/>
        </pc:sldMkLst>
        <pc:spChg chg="add mod">
          <ac:chgData name="Jordan Roberts" userId="9b78abb5-3d19-481e-8b85-01a081d118b6" providerId="ADAL" clId="{594E9DB8-0978-4FF9-8A68-270611396743}" dt="2026-04-06T18:19:35.633" v="4961" actId="20577"/>
          <ac:spMkLst>
            <pc:docMk/>
            <pc:sldMk cId="3457793463" sldId="273"/>
            <ac:spMk id="3" creationId="{04593564-E33A-86D5-1503-00F120DFFC39}"/>
          </ac:spMkLst>
        </pc:spChg>
        <pc:spChg chg="mod">
          <ac:chgData name="Jordan Roberts" userId="9b78abb5-3d19-481e-8b85-01a081d118b6" providerId="ADAL" clId="{594E9DB8-0978-4FF9-8A68-270611396743}" dt="2026-04-06T16:22:17.986" v="4821" actId="20577"/>
          <ac:spMkLst>
            <pc:docMk/>
            <pc:sldMk cId="3457793463" sldId="273"/>
            <ac:spMk id="9" creationId="{A0532C27-9A3E-FD7E-B6F3-A4F96E6F28B9}"/>
          </ac:spMkLst>
        </pc:spChg>
        <pc:spChg chg="mod">
          <ac:chgData name="Jordan Roberts" userId="9b78abb5-3d19-481e-8b85-01a081d118b6" providerId="ADAL" clId="{594E9DB8-0978-4FF9-8A68-270611396743}" dt="2026-04-06T16:21:46.666" v="4734" actId="20577"/>
          <ac:spMkLst>
            <pc:docMk/>
            <pc:sldMk cId="3457793463" sldId="273"/>
            <ac:spMk id="12" creationId="{7E85BAF2-B11D-5C4F-0C09-464E27A023E4}"/>
          </ac:spMkLst>
        </pc:spChg>
      </pc:sldChg>
      <pc:sldChg chg="addSp delSp modSp add mod">
        <pc:chgData name="Jordan Roberts" userId="9b78abb5-3d19-481e-8b85-01a081d118b6" providerId="ADAL" clId="{594E9DB8-0978-4FF9-8A68-270611396743}" dt="2026-04-07T15:11:52.640" v="9984" actId="20577"/>
        <pc:sldMkLst>
          <pc:docMk/>
          <pc:sldMk cId="1766239819" sldId="274"/>
        </pc:sldMkLst>
        <pc:spChg chg="add mod">
          <ac:chgData name="Jordan Roberts" userId="9b78abb5-3d19-481e-8b85-01a081d118b6" providerId="ADAL" clId="{594E9DB8-0978-4FF9-8A68-270611396743}" dt="2026-04-07T15:10:39.261" v="9929" actId="1035"/>
          <ac:spMkLst>
            <pc:docMk/>
            <pc:sldMk cId="1766239819" sldId="274"/>
            <ac:spMk id="3" creationId="{BE8DB756-C47E-4213-1614-449AE9DD81F6}"/>
          </ac:spMkLst>
        </pc:spChg>
        <pc:spChg chg="del">
          <ac:chgData name="Jordan Roberts" userId="9b78abb5-3d19-481e-8b85-01a081d118b6" providerId="ADAL" clId="{594E9DB8-0978-4FF9-8A68-270611396743}" dt="2026-04-06T18:20:21.295" v="4995" actId="478"/>
          <ac:spMkLst>
            <pc:docMk/>
            <pc:sldMk cId="1766239819" sldId="274"/>
            <ac:spMk id="3" creationId="{D023838E-7251-6B95-6B26-9BAA65FFD4A8}"/>
          </ac:spMkLst>
        </pc:spChg>
        <pc:spChg chg="add mod">
          <ac:chgData name="Jordan Roberts" userId="9b78abb5-3d19-481e-8b85-01a081d118b6" providerId="ADAL" clId="{594E9DB8-0978-4FF9-8A68-270611396743}" dt="2026-04-07T15:10:49.566" v="9948" actId="1036"/>
          <ac:spMkLst>
            <pc:docMk/>
            <pc:sldMk cId="1766239819" sldId="274"/>
            <ac:spMk id="4" creationId="{929126E1-4E12-4345-BDCE-F96982F02950}"/>
          </ac:spMkLst>
        </pc:spChg>
        <pc:spChg chg="add mod">
          <ac:chgData name="Jordan Roberts" userId="9b78abb5-3d19-481e-8b85-01a081d118b6" providerId="ADAL" clId="{594E9DB8-0978-4FF9-8A68-270611396743}" dt="2026-04-07T15:10:55.944" v="9964" actId="1035"/>
          <ac:spMkLst>
            <pc:docMk/>
            <pc:sldMk cId="1766239819" sldId="274"/>
            <ac:spMk id="5" creationId="{20F7691F-FEF2-DFA9-A82E-43248F8A1565}"/>
          </ac:spMkLst>
        </pc:spChg>
        <pc:spChg chg="add mod ord">
          <ac:chgData name="Jordan Roberts" userId="9b78abb5-3d19-481e-8b85-01a081d118b6" providerId="ADAL" clId="{594E9DB8-0978-4FF9-8A68-270611396743}" dt="2026-04-07T15:10:44.692" v="9930" actId="167"/>
          <ac:spMkLst>
            <pc:docMk/>
            <pc:sldMk cId="1766239819" sldId="274"/>
            <ac:spMk id="6" creationId="{AAAFAEC7-7D67-2099-E1D2-DE29F63F736B}"/>
          </ac:spMkLst>
        </pc:spChg>
        <pc:spChg chg="add mod">
          <ac:chgData name="Jordan Roberts" userId="9b78abb5-3d19-481e-8b85-01a081d118b6" providerId="ADAL" clId="{594E9DB8-0978-4FF9-8A68-270611396743}" dt="2026-04-07T15:11:52.640" v="9984" actId="20577"/>
          <ac:spMkLst>
            <pc:docMk/>
            <pc:sldMk cId="1766239819" sldId="274"/>
            <ac:spMk id="7" creationId="{995703B4-4ACE-BFB7-168D-62537EE8AD8D}"/>
          </ac:spMkLst>
        </pc:spChg>
        <pc:spChg chg="del mod">
          <ac:chgData name="Jordan Roberts" userId="9b78abb5-3d19-481e-8b85-01a081d118b6" providerId="ADAL" clId="{594E9DB8-0978-4FF9-8A68-270611396743}" dt="2026-04-07T15:10:23.201" v="9906" actId="21"/>
          <ac:spMkLst>
            <pc:docMk/>
            <pc:sldMk cId="1766239819" sldId="274"/>
            <ac:spMk id="9" creationId="{AAAFAEC7-7D67-2099-E1D2-DE29F63F736B}"/>
          </ac:spMkLst>
        </pc:spChg>
        <pc:spChg chg="mod">
          <ac:chgData name="Jordan Roberts" userId="9b78abb5-3d19-481e-8b85-01a081d118b6" providerId="ADAL" clId="{594E9DB8-0978-4FF9-8A68-270611396743}" dt="2026-04-07T01:19:10.677" v="8134" actId="20577"/>
          <ac:spMkLst>
            <pc:docMk/>
            <pc:sldMk cId="1766239819" sldId="274"/>
            <ac:spMk id="12" creationId="{BDE2B0F6-AE9E-EFF8-41DB-FF301C9F2D4E}"/>
          </ac:spMkLst>
        </pc:spChg>
      </pc:sldChg>
      <pc:sldChg chg="addSp delSp modSp add mod">
        <pc:chgData name="Jordan Roberts" userId="9b78abb5-3d19-481e-8b85-01a081d118b6" providerId="ADAL" clId="{594E9DB8-0978-4FF9-8A68-270611396743}" dt="2026-04-07T15:10:28.850" v="9909" actId="21"/>
        <pc:sldMkLst>
          <pc:docMk/>
          <pc:sldMk cId="3961386564" sldId="275"/>
        </pc:sldMkLst>
        <pc:spChg chg="add del mod">
          <ac:chgData name="Jordan Roberts" userId="9b78abb5-3d19-481e-8b85-01a081d118b6" providerId="ADAL" clId="{594E9DB8-0978-4FF9-8A68-270611396743}" dt="2026-04-07T15:09:00.357" v="9894" actId="478"/>
          <ac:spMkLst>
            <pc:docMk/>
            <pc:sldMk cId="3961386564" sldId="275"/>
            <ac:spMk id="3" creationId="{9CDB18E8-CEC4-EC19-57E2-16EA807B7BE4}"/>
          </ac:spMkLst>
        </pc:spChg>
        <pc:spChg chg="add mod">
          <ac:chgData name="Jordan Roberts" userId="9b78abb5-3d19-481e-8b85-01a081d118b6" providerId="ADAL" clId="{594E9DB8-0978-4FF9-8A68-270611396743}" dt="2026-04-07T15:08:56.427" v="9893" actId="20577"/>
          <ac:spMkLst>
            <pc:docMk/>
            <pc:sldMk cId="3961386564" sldId="275"/>
            <ac:spMk id="4" creationId="{43D0C232-B417-DCA1-13B0-E48A23F1C51E}"/>
          </ac:spMkLst>
        </pc:spChg>
        <pc:spChg chg="add del mod">
          <ac:chgData name="Jordan Roberts" userId="9b78abb5-3d19-481e-8b85-01a081d118b6" providerId="ADAL" clId="{594E9DB8-0978-4FF9-8A68-270611396743}" dt="2026-04-07T15:10:28.850" v="9909" actId="21"/>
          <ac:spMkLst>
            <pc:docMk/>
            <pc:sldMk cId="3961386564" sldId="275"/>
            <ac:spMk id="5" creationId="{AAAFAEC7-7D67-2099-E1D2-DE29F63F736B}"/>
          </ac:spMkLst>
        </pc:spChg>
        <pc:spChg chg="del mod">
          <ac:chgData name="Jordan Roberts" userId="9b78abb5-3d19-481e-8b85-01a081d118b6" providerId="ADAL" clId="{594E9DB8-0978-4FF9-8A68-270611396743}" dt="2026-04-07T15:09:03.582" v="9895" actId="21"/>
          <ac:spMkLst>
            <pc:docMk/>
            <pc:sldMk cId="3961386564" sldId="275"/>
            <ac:spMk id="9" creationId="{8B6090E6-3640-1178-B7AD-54B71B34D365}"/>
          </ac:spMkLst>
        </pc:spChg>
        <pc:spChg chg="mod">
          <ac:chgData name="Jordan Roberts" userId="9b78abb5-3d19-481e-8b85-01a081d118b6" providerId="ADAL" clId="{594E9DB8-0978-4FF9-8A68-270611396743}" dt="2026-04-07T00:36:41.970" v="8043" actId="108"/>
          <ac:spMkLst>
            <pc:docMk/>
            <pc:sldMk cId="3961386564" sldId="275"/>
            <ac:spMk id="12" creationId="{7CCA666A-37C0-11C1-01D6-DB17C7CFB3C7}"/>
          </ac:spMkLst>
        </pc:spChg>
        <pc:spChg chg="add mod">
          <ac:chgData name="Jordan Roberts" userId="9b78abb5-3d19-481e-8b85-01a081d118b6" providerId="ADAL" clId="{594E9DB8-0978-4FF9-8A68-270611396743}" dt="2026-04-07T15:09:40.262" v="9904" actId="113"/>
          <ac:spMkLst>
            <pc:docMk/>
            <pc:sldMk cId="3961386564" sldId="275"/>
            <ac:spMk id="22" creationId="{8B6090E6-3640-1178-B7AD-54B71B34D365}"/>
          </ac:spMkLst>
        </pc:spChg>
        <pc:picChg chg="add del mod modCrop">
          <ac:chgData name="Jordan Roberts" userId="9b78abb5-3d19-481e-8b85-01a081d118b6" providerId="ADAL" clId="{594E9DB8-0978-4FF9-8A68-270611396743}" dt="2026-04-07T01:45:19.626" v="8540" actId="21"/>
          <ac:picMkLst>
            <pc:docMk/>
            <pc:sldMk cId="3961386564" sldId="275"/>
            <ac:picMk id="5" creationId="{50B63F28-323F-C055-A69F-B43A97EBC107}"/>
          </ac:picMkLst>
        </pc:picChg>
        <pc:picChg chg="add del mod">
          <ac:chgData name="Jordan Roberts" userId="9b78abb5-3d19-481e-8b85-01a081d118b6" providerId="ADAL" clId="{594E9DB8-0978-4FF9-8A68-270611396743}" dt="2026-04-07T01:50:36.576" v="8554" actId="21"/>
          <ac:picMkLst>
            <pc:docMk/>
            <pc:sldMk cId="3961386564" sldId="275"/>
            <ac:picMk id="7" creationId="{0950B6C1-4CED-9753-AB21-837E8E426A86}"/>
          </ac:picMkLst>
        </pc:picChg>
        <pc:picChg chg="add del mod">
          <ac:chgData name="Jordan Roberts" userId="9b78abb5-3d19-481e-8b85-01a081d118b6" providerId="ADAL" clId="{594E9DB8-0978-4FF9-8A68-270611396743}" dt="2026-04-07T13:22:48.964" v="8557" actId="478"/>
          <ac:picMkLst>
            <pc:docMk/>
            <pc:sldMk cId="3961386564" sldId="275"/>
            <ac:picMk id="8" creationId="{0950B6C1-4CED-9753-AB21-837E8E426A86}"/>
          </ac:picMkLst>
        </pc:picChg>
        <pc:picChg chg="add del mod">
          <ac:chgData name="Jordan Roberts" userId="9b78abb5-3d19-481e-8b85-01a081d118b6" providerId="ADAL" clId="{594E9DB8-0978-4FF9-8A68-270611396743}" dt="2026-04-07T01:50:39.489" v="8555" actId="478"/>
          <ac:picMkLst>
            <pc:docMk/>
            <pc:sldMk cId="3961386564" sldId="275"/>
            <ac:picMk id="10" creationId="{50B63F28-323F-C055-A69F-B43A97EBC107}"/>
          </ac:picMkLst>
        </pc:picChg>
      </pc:sldChg>
      <pc:sldChg chg="modSp add mod">
        <pc:chgData name="Jordan Roberts" userId="9b78abb5-3d19-481e-8b85-01a081d118b6" providerId="ADAL" clId="{594E9DB8-0978-4FF9-8A68-270611396743}" dt="2026-04-06T19:43:31.072" v="5625" actId="1076"/>
        <pc:sldMkLst>
          <pc:docMk/>
          <pc:sldMk cId="3097421887" sldId="276"/>
        </pc:sldMkLst>
        <pc:spChg chg="mod">
          <ac:chgData name="Jordan Roberts" userId="9b78abb5-3d19-481e-8b85-01a081d118b6" providerId="ADAL" clId="{594E9DB8-0978-4FF9-8A68-270611396743}" dt="2026-04-06T19:43:31.072" v="5625" actId="1076"/>
          <ac:spMkLst>
            <pc:docMk/>
            <pc:sldMk cId="3097421887" sldId="276"/>
            <ac:spMk id="10" creationId="{A931CB91-056B-FA64-10E2-E5CFF4338B08}"/>
          </ac:spMkLst>
        </pc:spChg>
      </pc:sldChg>
      <pc:sldChg chg="modSp add mod">
        <pc:chgData name="Jordan Roberts" userId="9b78abb5-3d19-481e-8b85-01a081d118b6" providerId="ADAL" clId="{594E9DB8-0978-4FF9-8A68-270611396743}" dt="2026-04-06T22:07:46.049" v="6941" actId="20577"/>
        <pc:sldMkLst>
          <pc:docMk/>
          <pc:sldMk cId="1279826377" sldId="277"/>
        </pc:sldMkLst>
        <pc:spChg chg="mod">
          <ac:chgData name="Jordan Roberts" userId="9b78abb5-3d19-481e-8b85-01a081d118b6" providerId="ADAL" clId="{594E9DB8-0978-4FF9-8A68-270611396743}" dt="2026-04-06T22:07:46.049" v="6941" actId="20577"/>
          <ac:spMkLst>
            <pc:docMk/>
            <pc:sldMk cId="1279826377" sldId="277"/>
            <ac:spMk id="10" creationId="{7344609A-CF90-D7D9-DA73-1D3EF4626DC6}"/>
          </ac:spMkLst>
        </pc:spChg>
      </pc:sldChg>
      <pc:sldChg chg="del">
        <pc:chgData name="Jordan Roberts" userId="9b78abb5-3d19-481e-8b85-01a081d118b6" providerId="ADAL" clId="{594E9DB8-0978-4FF9-8A68-270611396743}" dt="2026-04-07T01:12:05.862" v="8126" actId="47"/>
        <pc:sldMkLst>
          <pc:docMk/>
          <pc:sldMk cId="537967012" sldId="278"/>
        </pc:sldMkLst>
      </pc:sldChg>
      <pc:sldChg chg="delSp modSp mod">
        <pc:chgData name="Jordan Roberts" userId="9b78abb5-3d19-481e-8b85-01a081d118b6" providerId="ADAL" clId="{594E9DB8-0978-4FF9-8A68-270611396743}" dt="2026-04-07T13:49:05.250" v="8980" actId="478"/>
        <pc:sldMkLst>
          <pc:docMk/>
          <pc:sldMk cId="3268293293" sldId="281"/>
        </pc:sldMkLst>
        <pc:spChg chg="del">
          <ac:chgData name="Jordan Roberts" userId="9b78abb5-3d19-481e-8b85-01a081d118b6" providerId="ADAL" clId="{594E9DB8-0978-4FF9-8A68-270611396743}" dt="2026-04-07T13:49:05.250" v="8980" actId="478"/>
          <ac:spMkLst>
            <pc:docMk/>
            <pc:sldMk cId="3268293293" sldId="281"/>
            <ac:spMk id="2" creationId="{92006336-53FA-1BDF-81AC-860A3C52919B}"/>
          </ac:spMkLst>
        </pc:spChg>
        <pc:spChg chg="del">
          <ac:chgData name="Jordan Roberts" userId="9b78abb5-3d19-481e-8b85-01a081d118b6" providerId="ADAL" clId="{594E9DB8-0978-4FF9-8A68-270611396743}" dt="2026-04-06T13:44:09.444" v="236" actId="478"/>
          <ac:spMkLst>
            <pc:docMk/>
            <pc:sldMk cId="3268293293" sldId="281"/>
            <ac:spMk id="7" creationId="{071C1C74-BA86-6032-4A03-F6C2A3B3CF88}"/>
          </ac:spMkLst>
        </pc:spChg>
        <pc:spChg chg="mod">
          <ac:chgData name="Jordan Roberts" userId="9b78abb5-3d19-481e-8b85-01a081d118b6" providerId="ADAL" clId="{594E9DB8-0978-4FF9-8A68-270611396743}" dt="2026-04-06T22:00:32.552" v="6915" actId="1076"/>
          <ac:spMkLst>
            <pc:docMk/>
            <pc:sldMk cId="3268293293" sldId="281"/>
            <ac:spMk id="48" creationId="{F5DA324B-0260-B99E-D253-5CC627C31C3B}"/>
          </ac:spMkLst>
        </pc:spChg>
      </pc:sldChg>
      <pc:sldChg chg="addSp delSp modSp mod modNotesTx">
        <pc:chgData name="Jordan Roberts" userId="9b78abb5-3d19-481e-8b85-01a081d118b6" providerId="ADAL" clId="{594E9DB8-0978-4FF9-8A68-270611396743}" dt="2026-04-07T14:01:58.475" v="9076" actId="20577"/>
        <pc:sldMkLst>
          <pc:docMk/>
          <pc:sldMk cId="1038302072" sldId="338"/>
        </pc:sldMkLst>
        <pc:spChg chg="add mod">
          <ac:chgData name="Jordan Roberts" userId="9b78abb5-3d19-481e-8b85-01a081d118b6" providerId="ADAL" clId="{594E9DB8-0978-4FF9-8A68-270611396743}" dt="2026-04-06T19:47:49.941" v="5674" actId="255"/>
          <ac:spMkLst>
            <pc:docMk/>
            <pc:sldMk cId="1038302072" sldId="338"/>
            <ac:spMk id="3" creationId="{FF67FCF1-32D0-10DB-7EE8-535E84784A55}"/>
          </ac:spMkLst>
        </pc:spChg>
        <pc:spChg chg="add mod">
          <ac:chgData name="Jordan Roberts" userId="9b78abb5-3d19-481e-8b85-01a081d118b6" providerId="ADAL" clId="{594E9DB8-0978-4FF9-8A68-270611396743}" dt="2026-04-07T14:01:01.733" v="9036" actId="1076"/>
          <ac:spMkLst>
            <pc:docMk/>
            <pc:sldMk cId="1038302072" sldId="338"/>
            <ac:spMk id="4" creationId="{C8E9688C-C783-B2EB-5139-4E9110D20309}"/>
          </ac:spMkLst>
        </pc:spChg>
        <pc:spChg chg="add del mod">
          <ac:chgData name="Jordan Roberts" userId="9b78abb5-3d19-481e-8b85-01a081d118b6" providerId="ADAL" clId="{594E9DB8-0978-4FF9-8A68-270611396743}" dt="2026-04-06T13:51:02.230" v="660" actId="478"/>
          <ac:spMkLst>
            <pc:docMk/>
            <pc:sldMk cId="1038302072" sldId="338"/>
            <ac:spMk id="4" creationId="{DCCD8B84-4FD3-3EEC-B0CA-DE0FA05F1F25}"/>
          </ac:spMkLst>
        </pc:spChg>
        <pc:spChg chg="add del mod">
          <ac:chgData name="Jordan Roberts" userId="9b78abb5-3d19-481e-8b85-01a081d118b6" providerId="ADAL" clId="{594E9DB8-0978-4FF9-8A68-270611396743}" dt="2026-04-07T14:00:48.271" v="9034" actId="478"/>
          <ac:spMkLst>
            <pc:docMk/>
            <pc:sldMk cId="1038302072" sldId="338"/>
            <ac:spMk id="5" creationId="{2532EB17-C498-0727-1FB7-CACA50FF9155}"/>
          </ac:spMkLst>
        </pc:spChg>
        <pc:spChg chg="add mod">
          <ac:chgData name="Jordan Roberts" userId="9b78abb5-3d19-481e-8b85-01a081d118b6" providerId="ADAL" clId="{594E9DB8-0978-4FF9-8A68-270611396743}" dt="2026-04-07T14:01:01.733" v="9036" actId="1076"/>
          <ac:spMkLst>
            <pc:docMk/>
            <pc:sldMk cId="1038302072" sldId="338"/>
            <ac:spMk id="6" creationId="{15E3138D-E775-5B7C-7344-AEDC5D9DD65B}"/>
          </ac:spMkLst>
        </pc:spChg>
        <pc:spChg chg="add del mod">
          <ac:chgData name="Jordan Roberts" userId="9b78abb5-3d19-481e-8b85-01a081d118b6" providerId="ADAL" clId="{594E9DB8-0978-4FF9-8A68-270611396743}" dt="2026-04-07T14:00:51.658" v="9035" actId="478"/>
          <ac:spMkLst>
            <pc:docMk/>
            <pc:sldMk cId="1038302072" sldId="338"/>
            <ac:spMk id="7" creationId="{7C3BB857-5B92-067D-23A2-2BD37B91322A}"/>
          </ac:spMkLst>
        </pc:spChg>
        <pc:spChg chg="mod">
          <ac:chgData name="Jordan Roberts" userId="9b78abb5-3d19-481e-8b85-01a081d118b6" providerId="ADAL" clId="{594E9DB8-0978-4FF9-8A68-270611396743}" dt="2026-04-07T14:01:46.451" v="9075" actId="20577"/>
          <ac:spMkLst>
            <pc:docMk/>
            <pc:sldMk cId="1038302072" sldId="338"/>
            <ac:spMk id="8" creationId="{63538103-0710-9F13-5401-B0430C7AD3B7}"/>
          </ac:spMkLst>
        </pc:spChg>
        <pc:spChg chg="add del mod">
          <ac:chgData name="Jordan Roberts" userId="9b78abb5-3d19-481e-8b85-01a081d118b6" providerId="ADAL" clId="{594E9DB8-0978-4FF9-8A68-270611396743}" dt="2026-04-07T14:00:51.658" v="9035" actId="478"/>
          <ac:spMkLst>
            <pc:docMk/>
            <pc:sldMk cId="1038302072" sldId="338"/>
            <ac:spMk id="9" creationId="{5710979E-3221-26CC-0ECD-95FADBE8155B}"/>
          </ac:spMkLst>
        </pc:spChg>
        <pc:spChg chg="mod">
          <ac:chgData name="Jordan Roberts" userId="9b78abb5-3d19-481e-8b85-01a081d118b6" providerId="ADAL" clId="{594E9DB8-0978-4FF9-8A68-270611396743}" dt="2026-04-07T13:40:39.808" v="8636" actId="20577"/>
          <ac:spMkLst>
            <pc:docMk/>
            <pc:sldMk cId="1038302072" sldId="338"/>
            <ac:spMk id="11" creationId="{2B422ACF-87A7-7B15-986C-623DBCC9113D}"/>
          </ac:spMkLst>
        </pc:spChg>
        <pc:spChg chg="mod">
          <ac:chgData name="Jordan Roberts" userId="9b78abb5-3d19-481e-8b85-01a081d118b6" providerId="ADAL" clId="{594E9DB8-0978-4FF9-8A68-270611396743}" dt="2026-04-07T14:01:58.475" v="9076" actId="20577"/>
          <ac:spMkLst>
            <pc:docMk/>
            <pc:sldMk cId="1038302072" sldId="338"/>
            <ac:spMk id="12" creationId="{337F1339-405E-3FF5-84F3-85E62E4FCDB2}"/>
          </ac:spMkLst>
        </pc:spChg>
        <pc:spChg chg="mod">
          <ac:chgData name="Jordan Roberts" userId="9b78abb5-3d19-481e-8b85-01a081d118b6" providerId="ADAL" clId="{594E9DB8-0978-4FF9-8A68-270611396743}" dt="2026-04-07T13:40:52.310" v="8660" actId="20577"/>
          <ac:spMkLst>
            <pc:docMk/>
            <pc:sldMk cId="1038302072" sldId="338"/>
            <ac:spMk id="13" creationId="{BFB40A8D-89B9-6665-BA7A-9F83C1F86201}"/>
          </ac:spMkLst>
        </pc:spChg>
        <pc:spChg chg="mod">
          <ac:chgData name="Jordan Roberts" userId="9b78abb5-3d19-481e-8b85-01a081d118b6" providerId="ADAL" clId="{594E9DB8-0978-4FF9-8A68-270611396743}" dt="2026-04-07T13:43:17.219" v="8785" actId="255"/>
          <ac:spMkLst>
            <pc:docMk/>
            <pc:sldMk cId="1038302072" sldId="338"/>
            <ac:spMk id="15" creationId="{67845415-A35F-A8BC-9BD1-6EF5C29D63DB}"/>
          </ac:spMkLst>
        </pc:spChg>
        <pc:spChg chg="mod">
          <ac:chgData name="Jordan Roberts" userId="9b78abb5-3d19-481e-8b85-01a081d118b6" providerId="ADAL" clId="{594E9DB8-0978-4FF9-8A68-270611396743}" dt="2026-04-07T13:41:26.999" v="8697" actId="20577"/>
          <ac:spMkLst>
            <pc:docMk/>
            <pc:sldMk cId="1038302072" sldId="338"/>
            <ac:spMk id="16" creationId="{A74FCD52-90DA-3730-4B1D-D216242076C4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17" creationId="{651C3D9E-8117-41AA-47BE-BB084EB465DE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18" creationId="{14E6472E-BD60-A3D9-20B7-9FE4D0170FCA}"/>
          </ac:spMkLst>
        </pc:spChg>
        <pc:spChg chg="mod">
          <ac:chgData name="Jordan Roberts" userId="9b78abb5-3d19-481e-8b85-01a081d118b6" providerId="ADAL" clId="{594E9DB8-0978-4FF9-8A68-270611396743}" dt="2026-04-07T13:45:25.227" v="8861" actId="20577"/>
          <ac:spMkLst>
            <pc:docMk/>
            <pc:sldMk cId="1038302072" sldId="338"/>
            <ac:spMk id="18" creationId="{210BA3C9-53C7-30FA-CFEC-66211D07C6E8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0" creationId="{3FE82258-9266-E27C-316A-E3413B83BC57}"/>
          </ac:spMkLst>
        </pc:spChg>
        <pc:spChg chg="mod">
          <ac:chgData name="Jordan Roberts" userId="9b78abb5-3d19-481e-8b85-01a081d118b6" providerId="ADAL" clId="{594E9DB8-0978-4FF9-8A68-270611396743}" dt="2026-04-07T13:45:35.396" v="8874" actId="20577"/>
          <ac:spMkLst>
            <pc:docMk/>
            <pc:sldMk cId="1038302072" sldId="338"/>
            <ac:spMk id="20" creationId="{7C93447E-C0AB-EB95-A1F8-8DE988AF07B1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1" creationId="{34EC264D-515D-6C23-5B5D-4967E2E5DB48}"/>
          </ac:spMkLst>
        </pc:spChg>
        <pc:spChg chg="mod">
          <ac:chgData name="Jordan Roberts" userId="9b78abb5-3d19-481e-8b85-01a081d118b6" providerId="ADAL" clId="{594E9DB8-0978-4FF9-8A68-270611396743}" dt="2026-04-07T13:45:43.396" v="8877" actId="20577"/>
          <ac:spMkLst>
            <pc:docMk/>
            <pc:sldMk cId="1038302072" sldId="338"/>
            <ac:spMk id="22" creationId="{C631B855-3055-F09F-DFD2-7173E7318D16}"/>
          </ac:spMkLst>
        </pc:spChg>
        <pc:spChg chg="mod">
          <ac:chgData name="Jordan Roberts" userId="9b78abb5-3d19-481e-8b85-01a081d118b6" providerId="ADAL" clId="{594E9DB8-0978-4FF9-8A68-270611396743}" dt="2026-04-07T13:46:53.752" v="8970" actId="20577"/>
          <ac:spMkLst>
            <pc:docMk/>
            <pc:sldMk cId="1038302072" sldId="338"/>
            <ac:spMk id="23" creationId="{7A1771CC-CD47-D3B8-491C-9D6FC8892A19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3" creationId="{CBD709AC-A895-29E1-C8D6-4758B29DE6BA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4" creationId="{412B8B01-D067-D0E6-2492-4A1E4362F18B}"/>
          </ac:spMkLst>
        </pc:spChg>
        <pc:spChg chg="mod">
          <ac:chgData name="Jordan Roberts" userId="9b78abb5-3d19-481e-8b85-01a081d118b6" providerId="ADAL" clId="{594E9DB8-0978-4FF9-8A68-270611396743}" dt="2026-04-07T13:43:23.017" v="8786" actId="255"/>
          <ac:spMkLst>
            <pc:docMk/>
            <pc:sldMk cId="1038302072" sldId="338"/>
            <ac:spMk id="25" creationId="{EF9891E4-2EDD-362E-AC7B-E0E24013206B}"/>
          </ac:spMkLst>
        </pc:spChg>
        <pc:spChg chg="mod">
          <ac:chgData name="Jordan Roberts" userId="9b78abb5-3d19-481e-8b85-01a081d118b6" providerId="ADAL" clId="{594E9DB8-0978-4FF9-8A68-270611396743}" dt="2026-04-07T13:41:56.224" v="8756" actId="20577"/>
          <ac:spMkLst>
            <pc:docMk/>
            <pc:sldMk cId="1038302072" sldId="338"/>
            <ac:spMk id="26" creationId="{009BE791-5289-1F0F-0E45-A8CCA67D4D9E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6" creationId="{35660775-0FF2-8E07-A6E0-3D8193FE6E4E}"/>
          </ac:spMkLst>
        </pc:spChg>
        <pc:spChg chg="del mod">
          <ac:chgData name="Jordan Roberts" userId="9b78abb5-3d19-481e-8b85-01a081d118b6" providerId="ADAL" clId="{594E9DB8-0978-4FF9-8A68-270611396743}" dt="2026-04-06T13:51:05.303" v="661" actId="478"/>
          <ac:spMkLst>
            <pc:docMk/>
            <pc:sldMk cId="1038302072" sldId="338"/>
            <ac:spMk id="27" creationId="{993ACCE1-D74A-9499-A2CA-F2A0A44A9AAE}"/>
          </ac:spMkLst>
        </pc:spChg>
        <pc:spChg chg="mod">
          <ac:chgData name="Jordan Roberts" userId="9b78abb5-3d19-481e-8b85-01a081d118b6" providerId="ADAL" clId="{594E9DB8-0978-4FF9-8A68-270611396743}" dt="2026-04-07T13:46:25.025" v="8932" actId="20577"/>
          <ac:spMkLst>
            <pc:docMk/>
            <pc:sldMk cId="1038302072" sldId="338"/>
            <ac:spMk id="28" creationId="{A0459B4C-8A2D-E80F-8458-CF011451AA01}"/>
          </ac:spMkLst>
        </pc:spChg>
        <pc:spChg chg="mod">
          <ac:chgData name="Jordan Roberts" userId="9b78abb5-3d19-481e-8b85-01a081d118b6" providerId="ADAL" clId="{594E9DB8-0978-4FF9-8A68-270611396743}" dt="2026-04-07T13:46:45.663" v="8965" actId="20577"/>
          <ac:spMkLst>
            <pc:docMk/>
            <pc:sldMk cId="1038302072" sldId="338"/>
            <ac:spMk id="29" creationId="{553003C5-BA52-D0B3-5A38-A9337C7D677F}"/>
          </ac:spMkLst>
        </pc:spChg>
        <pc:spChg chg="add del mod">
          <ac:chgData name="Jordan Roberts" userId="9b78abb5-3d19-481e-8b85-01a081d118b6" providerId="ADAL" clId="{594E9DB8-0978-4FF9-8A68-270611396743}" dt="2026-04-07T13:45:09.736" v="8859" actId="478"/>
          <ac:spMkLst>
            <pc:docMk/>
            <pc:sldMk cId="1038302072" sldId="338"/>
            <ac:spMk id="30" creationId="{521122D4-3EBD-BA5E-55DD-F9F79F08A21B}"/>
          </ac:spMkLst>
        </pc:spChg>
        <pc:spChg chg="add del mod">
          <ac:chgData name="Jordan Roberts" userId="9b78abb5-3d19-481e-8b85-01a081d118b6" providerId="ADAL" clId="{594E9DB8-0978-4FF9-8A68-270611396743}" dt="2026-04-07T13:45:09.736" v="8859" actId="478"/>
          <ac:spMkLst>
            <pc:docMk/>
            <pc:sldMk cId="1038302072" sldId="338"/>
            <ac:spMk id="31" creationId="{975C562E-22F5-CB5B-7EC7-609BBC5445C8}"/>
          </ac:spMkLst>
        </pc:spChg>
        <pc:spChg chg="add del mod">
          <ac:chgData name="Jordan Roberts" userId="9b78abb5-3d19-481e-8b85-01a081d118b6" providerId="ADAL" clId="{594E9DB8-0978-4FF9-8A68-270611396743}" dt="2026-04-07T13:45:09.736" v="8859" actId="478"/>
          <ac:spMkLst>
            <pc:docMk/>
            <pc:sldMk cId="1038302072" sldId="338"/>
            <ac:spMk id="32" creationId="{3A56830B-E3DE-AD39-2AC7-1076E6CA58E9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37" creationId="{44D7A9FD-A86C-CE44-056B-EEE89C3EFFE9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38" creationId="{C6FA9A78-8629-D872-C50C-465BDF1AF6B8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43" creationId="{373FF602-B29A-C8B4-4965-4F40ABE2AB86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44" creationId="{A18A1097-BA53-6700-5117-B2C27BF7ACB8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47" creationId="{C8FE75CA-1380-1102-4359-5462841E473F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49" creationId="{4D334D31-8258-9184-1903-2345F5D0F0E9}"/>
          </ac:spMkLst>
        </pc:spChg>
        <pc:spChg chg="mod">
          <ac:chgData name="Jordan Roberts" userId="9b78abb5-3d19-481e-8b85-01a081d118b6" providerId="ADAL" clId="{594E9DB8-0978-4FF9-8A68-270611396743}" dt="2026-04-07T13:44:31.548" v="8857"/>
          <ac:spMkLst>
            <pc:docMk/>
            <pc:sldMk cId="1038302072" sldId="338"/>
            <ac:spMk id="50" creationId="{B11C922F-A269-1012-625B-48DE3CA8D465}"/>
          </ac:spMkLst>
        </pc:s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10" creationId="{3A892806-C8DF-1FC6-3D66-21855E0336C9}"/>
          </ac:grpSpMkLst>
        </pc:gr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14" creationId="{371B146B-1D1A-9CC9-2C92-19CA3E4BC658}"/>
          </ac:grpSpMkLst>
        </pc:gr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17" creationId="{B7EB6B91-3438-6D32-8D83-7CE25562DCEB}"/>
          </ac:grpSpMkLst>
        </pc:gr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21" creationId="{0060F685-4731-53C3-0174-86B5A80F681D}"/>
          </ac:grpSpMkLst>
        </pc:gr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24" creationId="{5503D56B-372E-906A-6578-0F22DB794431}"/>
          </ac:grpSpMkLst>
        </pc:grpChg>
        <pc:grpChg chg="mod">
          <ac:chgData name="Jordan Roberts" userId="9b78abb5-3d19-481e-8b85-01a081d118b6" providerId="ADAL" clId="{594E9DB8-0978-4FF9-8A68-270611396743}" dt="2026-04-07T14:01:01.733" v="9036" actId="1076"/>
          <ac:grpSpMkLst>
            <pc:docMk/>
            <pc:sldMk cId="1038302072" sldId="338"/>
            <ac:grpSpMk id="27" creationId="{8A22F237-9F51-4A91-F714-7C4639392B5F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33" creationId="{96CD556F-BC82-3E67-42F0-802B322D7FAA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36" creationId="{C30EC1C8-54F5-2566-6B91-00F7E37B15B1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39" creationId="{B5E59578-8B13-DAF0-7F50-D84E7D1079B3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42" creationId="{C1654A6A-A040-81FD-25B7-D1A9557F2F77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45" creationId="{172638AB-8950-3F43-6E82-E24B72A3BA6B}"/>
          </ac:grpSpMkLst>
        </pc:grpChg>
        <pc:grpChg chg="del mod">
          <ac:chgData name="Jordan Roberts" userId="9b78abb5-3d19-481e-8b85-01a081d118b6" providerId="ADAL" clId="{594E9DB8-0978-4FF9-8A68-270611396743}" dt="2026-04-07T13:45:09.736" v="8859" actId="478"/>
          <ac:grpSpMkLst>
            <pc:docMk/>
            <pc:sldMk cId="1038302072" sldId="338"/>
            <ac:grpSpMk id="48" creationId="{96673799-65F3-5120-FA16-7CEEC6D45D91}"/>
          </ac:grpSpMkLst>
        </pc:grpChg>
        <pc:picChg chg="add del mod">
          <ac:chgData name="Jordan Roberts" userId="9b78abb5-3d19-481e-8b85-01a081d118b6" providerId="ADAL" clId="{594E9DB8-0978-4FF9-8A68-270611396743}" dt="2026-04-06T19:58:54.567" v="5906" actId="21"/>
          <ac:picMkLst>
            <pc:docMk/>
            <pc:sldMk cId="1038302072" sldId="338"/>
            <ac:picMk id="6" creationId="{5C268636-98A9-7733-C2BA-25C60F63723B}"/>
          </ac:picMkLst>
        </pc:picChg>
        <pc:picChg chg="add del mod">
          <ac:chgData name="Jordan Roberts" userId="9b78abb5-3d19-481e-8b85-01a081d118b6" providerId="ADAL" clId="{594E9DB8-0978-4FF9-8A68-270611396743}" dt="2026-04-06T21:59:38.196" v="6905" actId="21"/>
          <ac:picMkLst>
            <pc:docMk/>
            <pc:sldMk cId="1038302072" sldId="338"/>
            <ac:picMk id="10" creationId="{5C268636-98A9-7733-C2BA-25C60F63723B}"/>
          </ac:picMkLst>
        </pc:picChg>
        <pc:picChg chg="add del mod">
          <ac:chgData name="Jordan Roberts" userId="9b78abb5-3d19-481e-8b85-01a081d118b6" providerId="ADAL" clId="{594E9DB8-0978-4FF9-8A68-270611396743}" dt="2026-04-07T13:36:30.411" v="8611" actId="478"/>
          <ac:picMkLst>
            <pc:docMk/>
            <pc:sldMk cId="1038302072" sldId="338"/>
            <ac:picMk id="19" creationId="{5C268636-98A9-7733-C2BA-25C60F63723B}"/>
          </ac:picMkLst>
        </pc:picChg>
      </pc:sldChg>
      <pc:sldChg chg="addSp delSp modSp mod ord">
        <pc:chgData name="Jordan Roberts" userId="9b78abb5-3d19-481e-8b85-01a081d118b6" providerId="ADAL" clId="{594E9DB8-0978-4FF9-8A68-270611396743}" dt="2026-04-07T14:06:39.765" v="9173" actId="478"/>
        <pc:sldMkLst>
          <pc:docMk/>
          <pc:sldMk cId="1437901148" sldId="357"/>
        </pc:sldMkLst>
        <pc:spChg chg="mod">
          <ac:chgData name="Jordan Roberts" userId="9b78abb5-3d19-481e-8b85-01a081d118b6" providerId="ADAL" clId="{594E9DB8-0978-4FF9-8A68-270611396743}" dt="2026-04-07T14:06:07.543" v="9167" actId="1076"/>
          <ac:spMkLst>
            <pc:docMk/>
            <pc:sldMk cId="1437901148" sldId="357"/>
            <ac:spMk id="2" creationId="{BB43A5CE-2623-F737-C255-CB0CADD6245F}"/>
          </ac:spMkLst>
        </pc:spChg>
        <pc:spChg chg="mod">
          <ac:chgData name="Jordan Roberts" userId="9b78abb5-3d19-481e-8b85-01a081d118b6" providerId="ADAL" clId="{594E9DB8-0978-4FF9-8A68-270611396743}" dt="2026-04-07T14:04:56.567" v="9161" actId="1076"/>
          <ac:spMkLst>
            <pc:docMk/>
            <pc:sldMk cId="1437901148" sldId="357"/>
            <ac:spMk id="10" creationId="{16E7FC1E-8F45-8E3F-FF2A-00E26742EB8E}"/>
          </ac:spMkLst>
        </pc:spChg>
        <pc:picChg chg="add del mod">
          <ac:chgData name="Jordan Roberts" userId="9b78abb5-3d19-481e-8b85-01a081d118b6" providerId="ADAL" clId="{594E9DB8-0978-4FF9-8A68-270611396743}" dt="2026-04-07T14:06:39.765" v="9173" actId="478"/>
          <ac:picMkLst>
            <pc:docMk/>
            <pc:sldMk cId="1437901148" sldId="357"/>
            <ac:picMk id="4" creationId="{26C5A0CC-61CB-4DA3-98DD-79E23AE59072}"/>
          </ac:picMkLst>
        </pc:picChg>
        <pc:picChg chg="add del mod">
          <ac:chgData name="Jordan Roberts" userId="9b78abb5-3d19-481e-8b85-01a081d118b6" providerId="ADAL" clId="{594E9DB8-0978-4FF9-8A68-270611396743}" dt="2026-04-07T14:06:38.771" v="9172" actId="478"/>
          <ac:picMkLst>
            <pc:docMk/>
            <pc:sldMk cId="1437901148" sldId="357"/>
            <ac:picMk id="6" creationId="{52EE113D-A4D1-1F77-4530-F389235FE2EF}"/>
          </ac:picMkLst>
        </pc:picChg>
      </pc:sldChg>
      <pc:sldChg chg="del">
        <pc:chgData name="Jordan Roberts" userId="9b78abb5-3d19-481e-8b85-01a081d118b6" providerId="ADAL" clId="{594E9DB8-0978-4FF9-8A68-270611396743}" dt="2026-04-07T01:12:08.159" v="8127" actId="47"/>
        <pc:sldMkLst>
          <pc:docMk/>
          <pc:sldMk cId="2898809240" sldId="448"/>
        </pc:sldMkLst>
      </pc:sldChg>
      <pc:sldChg chg="addSp delSp modSp add del mod">
        <pc:chgData name="Jordan Roberts" userId="9b78abb5-3d19-481e-8b85-01a081d118b6" providerId="ADAL" clId="{594E9DB8-0978-4FF9-8A68-270611396743}" dt="2026-04-06T21:25:42.616" v="6118" actId="2696"/>
        <pc:sldMkLst>
          <pc:docMk/>
          <pc:sldMk cId="3660385554" sldId="2147483511"/>
        </pc:sldMkLst>
        <pc:spChg chg="mod">
          <ac:chgData name="Jordan Roberts" userId="9b78abb5-3d19-481e-8b85-01a081d118b6" providerId="ADAL" clId="{594E9DB8-0978-4FF9-8A68-270611396743}" dt="2026-04-06T21:21:36.657" v="6079" actId="1076"/>
          <ac:spMkLst>
            <pc:docMk/>
            <pc:sldMk cId="3660385554" sldId="2147483511"/>
            <ac:spMk id="3" creationId="{F0CA9541-723B-9EA1-0511-B1386173E6A9}"/>
          </ac:spMkLst>
        </pc:spChg>
        <pc:spChg chg="mod">
          <ac:chgData name="Jordan Roberts" userId="9b78abb5-3d19-481e-8b85-01a081d118b6" providerId="ADAL" clId="{594E9DB8-0978-4FF9-8A68-270611396743}" dt="2026-04-06T21:20:31.845" v="6057" actId="1076"/>
          <ac:spMkLst>
            <pc:docMk/>
            <pc:sldMk cId="3660385554" sldId="2147483511"/>
            <ac:spMk id="4" creationId="{2CA0D317-140C-149A-E393-562EB93B458A}"/>
          </ac:spMkLst>
        </pc:spChg>
        <pc:spChg chg="add mod">
          <ac:chgData name="Jordan Roberts" userId="9b78abb5-3d19-481e-8b85-01a081d118b6" providerId="ADAL" clId="{594E9DB8-0978-4FF9-8A68-270611396743}" dt="2026-04-06T21:20:13.691" v="6054" actId="1076"/>
          <ac:spMkLst>
            <pc:docMk/>
            <pc:sldMk cId="3660385554" sldId="2147483511"/>
            <ac:spMk id="5" creationId="{6BA0F7E9-3EC5-B545-E7C1-9449EF290FB3}"/>
          </ac:spMkLst>
        </pc:spChg>
        <pc:spChg chg="add mod">
          <ac:chgData name="Jordan Roberts" userId="9b78abb5-3d19-481e-8b85-01a081d118b6" providerId="ADAL" clId="{594E9DB8-0978-4FF9-8A68-270611396743}" dt="2026-04-06T21:20:46.892" v="6063" actId="1076"/>
          <ac:spMkLst>
            <pc:docMk/>
            <pc:sldMk cId="3660385554" sldId="2147483511"/>
            <ac:spMk id="6" creationId="{4B9BDE7D-8660-C470-6F1F-EF99EFD0F31B}"/>
          </ac:spMkLst>
        </pc:spChg>
        <pc:spChg chg="mod">
          <ac:chgData name="Jordan Roberts" userId="9b78abb5-3d19-481e-8b85-01a081d118b6" providerId="ADAL" clId="{594E9DB8-0978-4FF9-8A68-270611396743}" dt="2026-04-06T21:23:09.638" v="6089" actId="108"/>
          <ac:spMkLst>
            <pc:docMk/>
            <pc:sldMk cId="3660385554" sldId="2147483511"/>
            <ac:spMk id="7" creationId="{7B45A377-DC45-2600-6032-FFAF475BADCD}"/>
          </ac:spMkLst>
        </pc:spChg>
        <pc:spChg chg="mod">
          <ac:chgData name="Jordan Roberts" userId="9b78abb5-3d19-481e-8b85-01a081d118b6" providerId="ADAL" clId="{594E9DB8-0978-4FF9-8A68-270611396743}" dt="2026-04-06T21:23:36.243" v="6097" actId="1076"/>
          <ac:spMkLst>
            <pc:docMk/>
            <pc:sldMk cId="3660385554" sldId="2147483511"/>
            <ac:spMk id="8" creationId="{79F7A184-8A0E-D170-6E14-A0DDE98AEFC8}"/>
          </ac:spMkLst>
        </pc:spChg>
        <pc:spChg chg="del mod">
          <ac:chgData name="Jordan Roberts" userId="9b78abb5-3d19-481e-8b85-01a081d118b6" providerId="ADAL" clId="{594E9DB8-0978-4FF9-8A68-270611396743}" dt="2026-04-06T21:21:04.687" v="6070" actId="478"/>
          <ac:spMkLst>
            <pc:docMk/>
            <pc:sldMk cId="3660385554" sldId="2147483511"/>
            <ac:spMk id="9" creationId="{83C57916-BAFF-017B-A274-B02567011ABE}"/>
          </ac:spMkLst>
        </pc:spChg>
        <pc:spChg chg="del">
          <ac:chgData name="Jordan Roberts" userId="9b78abb5-3d19-481e-8b85-01a081d118b6" providerId="ADAL" clId="{594E9DB8-0978-4FF9-8A68-270611396743}" dt="2026-04-06T21:21:06.690" v="6071" actId="478"/>
          <ac:spMkLst>
            <pc:docMk/>
            <pc:sldMk cId="3660385554" sldId="2147483511"/>
            <ac:spMk id="10" creationId="{F312F824-343E-A952-2B6F-D688777BC47C}"/>
          </ac:spMkLst>
        </pc:spChg>
        <pc:spChg chg="mod">
          <ac:chgData name="Jordan Roberts" userId="9b78abb5-3d19-481e-8b85-01a081d118b6" providerId="ADAL" clId="{594E9DB8-0978-4FF9-8A68-270611396743}" dt="2026-04-06T21:23:29.953" v="6095" actId="1076"/>
          <ac:spMkLst>
            <pc:docMk/>
            <pc:sldMk cId="3660385554" sldId="2147483511"/>
            <ac:spMk id="11" creationId="{92DF0C10-6221-198E-2F02-DAFF102D1DD0}"/>
          </ac:spMkLst>
        </pc:spChg>
        <pc:spChg chg="add mod">
          <ac:chgData name="Jordan Roberts" userId="9b78abb5-3d19-481e-8b85-01a081d118b6" providerId="ADAL" clId="{594E9DB8-0978-4FF9-8A68-270611396743}" dt="2026-04-06T21:20:54.256" v="6066" actId="1076"/>
          <ac:spMkLst>
            <pc:docMk/>
            <pc:sldMk cId="3660385554" sldId="2147483511"/>
            <ac:spMk id="12" creationId="{8FB1E8F8-4839-E687-2B97-EECA9BA593DE}"/>
          </ac:spMkLst>
        </pc:spChg>
        <pc:spChg chg="del">
          <ac:chgData name="Jordan Roberts" userId="9b78abb5-3d19-481e-8b85-01a081d118b6" providerId="ADAL" clId="{594E9DB8-0978-4FF9-8A68-270611396743}" dt="2026-04-06T21:20:56.980" v="6067" actId="478"/>
          <ac:spMkLst>
            <pc:docMk/>
            <pc:sldMk cId="3660385554" sldId="2147483511"/>
            <ac:spMk id="13" creationId="{42B33435-0E03-5227-EA82-6194A9F7A56D}"/>
          </ac:spMkLst>
        </pc:spChg>
        <pc:spChg chg="add mod">
          <ac:chgData name="Jordan Roberts" userId="9b78abb5-3d19-481e-8b85-01a081d118b6" providerId="ADAL" clId="{594E9DB8-0978-4FF9-8A68-270611396743}" dt="2026-04-06T21:21:02.125" v="6069" actId="1076"/>
          <ac:spMkLst>
            <pc:docMk/>
            <pc:sldMk cId="3660385554" sldId="2147483511"/>
            <ac:spMk id="14" creationId="{8636F964-3F94-D9FC-FC5B-25FDA1832A4B}"/>
          </ac:spMkLst>
        </pc:spChg>
        <pc:spChg chg="add mod">
          <ac:chgData name="Jordan Roberts" userId="9b78abb5-3d19-481e-8b85-01a081d118b6" providerId="ADAL" clId="{594E9DB8-0978-4FF9-8A68-270611396743}" dt="2026-04-06T21:21:21.143" v="6074" actId="1076"/>
          <ac:spMkLst>
            <pc:docMk/>
            <pc:sldMk cId="3660385554" sldId="2147483511"/>
            <ac:spMk id="15" creationId="{5EEC6BDD-D2E0-B003-6A84-2B7E9E89B098}"/>
          </ac:spMkLst>
        </pc:spChg>
        <pc:spChg chg="add mod">
          <ac:chgData name="Jordan Roberts" userId="9b78abb5-3d19-481e-8b85-01a081d118b6" providerId="ADAL" clId="{594E9DB8-0978-4FF9-8A68-270611396743}" dt="2026-04-06T21:21:25.937" v="6076" actId="1076"/>
          <ac:spMkLst>
            <pc:docMk/>
            <pc:sldMk cId="3660385554" sldId="2147483511"/>
            <ac:spMk id="16" creationId="{15A4BF7E-5BC5-FE7D-21A5-0883548002EC}"/>
          </ac:spMkLst>
        </pc:spChg>
        <pc:spChg chg="del">
          <ac:chgData name="Jordan Roberts" userId="9b78abb5-3d19-481e-8b85-01a081d118b6" providerId="ADAL" clId="{594E9DB8-0978-4FF9-8A68-270611396743}" dt="2026-04-06T21:22:41.745" v="6083" actId="478"/>
          <ac:spMkLst>
            <pc:docMk/>
            <pc:sldMk cId="3660385554" sldId="2147483511"/>
            <ac:spMk id="17" creationId="{BDB49341-BD80-30A7-E0BF-BD407639C50C}"/>
          </ac:spMkLst>
        </pc:spChg>
        <pc:spChg chg="add del mod">
          <ac:chgData name="Jordan Roberts" userId="9b78abb5-3d19-481e-8b85-01a081d118b6" providerId="ADAL" clId="{594E9DB8-0978-4FF9-8A68-270611396743}" dt="2026-04-06T21:22:46.549" v="6084" actId="478"/>
          <ac:spMkLst>
            <pc:docMk/>
            <pc:sldMk cId="3660385554" sldId="2147483511"/>
            <ac:spMk id="18" creationId="{C9AC0300-7934-D938-FA66-7340601ED42C}"/>
          </ac:spMkLst>
        </pc:spChg>
        <pc:spChg chg="mod">
          <ac:chgData name="Jordan Roberts" userId="9b78abb5-3d19-481e-8b85-01a081d118b6" providerId="ADAL" clId="{594E9DB8-0978-4FF9-8A68-270611396743}" dt="2026-04-06T21:24:02.053" v="6105" actId="1076"/>
          <ac:spMkLst>
            <pc:docMk/>
            <pc:sldMk cId="3660385554" sldId="2147483511"/>
            <ac:spMk id="19" creationId="{D151DBB3-2238-5523-9437-54D72F8B0DF4}"/>
          </ac:spMkLst>
        </pc:spChg>
        <pc:spChg chg="mod">
          <ac:chgData name="Jordan Roberts" userId="9b78abb5-3d19-481e-8b85-01a081d118b6" providerId="ADAL" clId="{594E9DB8-0978-4FF9-8A68-270611396743}" dt="2026-04-06T21:20:02.075" v="6051" actId="122"/>
          <ac:spMkLst>
            <pc:docMk/>
            <pc:sldMk cId="3660385554" sldId="2147483511"/>
            <ac:spMk id="20" creationId="{BB7AC943-D2D0-CDB5-EA97-0D7C3ADF47F2}"/>
          </ac:spMkLst>
        </pc:spChg>
        <pc:spChg chg="add mod">
          <ac:chgData name="Jordan Roberts" userId="9b78abb5-3d19-481e-8b85-01a081d118b6" providerId="ADAL" clId="{594E9DB8-0978-4FF9-8A68-270611396743}" dt="2026-04-06T21:22:47.018" v="6085"/>
          <ac:spMkLst>
            <pc:docMk/>
            <pc:sldMk cId="3660385554" sldId="2147483511"/>
            <ac:spMk id="21" creationId="{C51846A9-C31A-66C5-405B-0D4CC1A6D19C}"/>
          </ac:spMkLst>
        </pc:spChg>
        <pc:spChg chg="add mod">
          <ac:chgData name="Jordan Roberts" userId="9b78abb5-3d19-481e-8b85-01a081d118b6" providerId="ADAL" clId="{594E9DB8-0978-4FF9-8A68-270611396743}" dt="2026-04-06T21:24:10.841" v="6107" actId="1076"/>
          <ac:spMkLst>
            <pc:docMk/>
            <pc:sldMk cId="3660385554" sldId="2147483511"/>
            <ac:spMk id="22" creationId="{37E284A7-4BE8-A2A7-67CC-C257BC3687A8}"/>
          </ac:spMkLst>
        </pc:spChg>
        <pc:spChg chg="add mod">
          <ac:chgData name="Jordan Roberts" userId="9b78abb5-3d19-481e-8b85-01a081d118b6" providerId="ADAL" clId="{594E9DB8-0978-4FF9-8A68-270611396743}" dt="2026-04-06T21:24:15.534" v="6109" actId="1076"/>
          <ac:spMkLst>
            <pc:docMk/>
            <pc:sldMk cId="3660385554" sldId="2147483511"/>
            <ac:spMk id="23" creationId="{B629ECDB-AE0A-6DF0-8C97-60179D9E21E1}"/>
          </ac:spMkLst>
        </pc:spChg>
        <pc:spChg chg="del">
          <ac:chgData name="Jordan Roberts" userId="9b78abb5-3d19-481e-8b85-01a081d118b6" providerId="ADAL" clId="{594E9DB8-0978-4FF9-8A68-270611396743}" dt="2026-04-06T21:20:48.556" v="6064" actId="478"/>
          <ac:spMkLst>
            <pc:docMk/>
            <pc:sldMk cId="3660385554" sldId="2147483511"/>
            <ac:spMk id="24" creationId="{3796E3FA-661C-EE37-D26C-C91416399C13}"/>
          </ac:spMkLst>
        </pc:spChg>
        <pc:spChg chg="del">
          <ac:chgData name="Jordan Roberts" userId="9b78abb5-3d19-481e-8b85-01a081d118b6" providerId="ADAL" clId="{594E9DB8-0978-4FF9-8A68-270611396743}" dt="2026-04-06T21:20:40.640" v="6061" actId="478"/>
          <ac:spMkLst>
            <pc:docMk/>
            <pc:sldMk cId="3660385554" sldId="2147483511"/>
            <ac:spMk id="25" creationId="{5001AE0A-59FD-06FF-12FE-C8BEA1EDE7A5}"/>
          </ac:spMkLst>
        </pc:spChg>
        <pc:spChg chg="del mod">
          <ac:chgData name="Jordan Roberts" userId="9b78abb5-3d19-481e-8b85-01a081d118b6" providerId="ADAL" clId="{594E9DB8-0978-4FF9-8A68-270611396743}" dt="2026-04-06T21:23:49.778" v="6101" actId="478"/>
          <ac:spMkLst>
            <pc:docMk/>
            <pc:sldMk cId="3660385554" sldId="2147483511"/>
            <ac:spMk id="26" creationId="{D54614B7-68A4-53BA-F57A-F4EAEE28B911}"/>
          </ac:spMkLst>
        </pc:spChg>
        <pc:spChg chg="mod">
          <ac:chgData name="Jordan Roberts" userId="9b78abb5-3d19-481e-8b85-01a081d118b6" providerId="ADAL" clId="{594E9DB8-0978-4FF9-8A68-270611396743}" dt="2026-04-06T21:24:24.660" v="6110" actId="1076"/>
          <ac:spMkLst>
            <pc:docMk/>
            <pc:sldMk cId="3660385554" sldId="2147483511"/>
            <ac:spMk id="27" creationId="{D8AA0D99-D1F7-7DC8-4048-0E6E2A9443DD}"/>
          </ac:spMkLst>
        </pc:spChg>
        <pc:spChg chg="del mod">
          <ac:chgData name="Jordan Roberts" userId="9b78abb5-3d19-481e-8b85-01a081d118b6" providerId="ADAL" clId="{594E9DB8-0978-4FF9-8A68-270611396743}" dt="2026-04-06T21:23:54.119" v="6102" actId="478"/>
          <ac:spMkLst>
            <pc:docMk/>
            <pc:sldMk cId="3660385554" sldId="2147483511"/>
            <ac:spMk id="28" creationId="{94BE3B67-F49F-5994-534F-4F6934D1F6D1}"/>
          </ac:spMkLst>
        </pc:spChg>
        <pc:spChg chg="del">
          <ac:chgData name="Jordan Roberts" userId="9b78abb5-3d19-481e-8b85-01a081d118b6" providerId="ADAL" clId="{594E9DB8-0978-4FF9-8A68-270611396743}" dt="2026-04-06T21:20:05.989" v="6052" actId="478"/>
          <ac:spMkLst>
            <pc:docMk/>
            <pc:sldMk cId="3660385554" sldId="2147483511"/>
            <ac:spMk id="30" creationId="{D0F7B2BD-017B-EBB9-A737-D58627B4CD6D}"/>
          </ac:spMkLst>
        </pc:spChg>
        <pc:graphicFrameChg chg="mod modGraphic">
          <ac:chgData name="Jordan Roberts" userId="9b78abb5-3d19-481e-8b85-01a081d118b6" providerId="ADAL" clId="{594E9DB8-0978-4FF9-8A68-270611396743}" dt="2026-04-06T21:22:29.611" v="6082" actId="255"/>
          <ac:graphicFrameMkLst>
            <pc:docMk/>
            <pc:sldMk cId="3660385554" sldId="2147483511"/>
            <ac:graphicFrameMk id="2" creationId="{F2B91602-4CA4-C84F-8BCE-C97ABC3C8C6E}"/>
          </ac:graphicFrameMkLst>
        </pc:graphicFrameChg>
      </pc:sldChg>
      <pc:sldChg chg="addSp delSp modSp add del mod">
        <pc:chgData name="Jordan Roberts" userId="9b78abb5-3d19-481e-8b85-01a081d118b6" providerId="ADAL" clId="{594E9DB8-0978-4FF9-8A68-270611396743}" dt="2026-04-06T21:33:50.520" v="6198" actId="47"/>
        <pc:sldMkLst>
          <pc:docMk/>
          <pc:sldMk cId="1910602366" sldId="2147483515"/>
        </pc:sldMkLst>
        <pc:spChg chg="add del mod">
          <ac:chgData name="Jordan Roberts" userId="9b78abb5-3d19-481e-8b85-01a081d118b6" providerId="ADAL" clId="{594E9DB8-0978-4FF9-8A68-270611396743}" dt="2026-04-06T21:29:16.500" v="6131" actId="1076"/>
          <ac:spMkLst>
            <pc:docMk/>
            <pc:sldMk cId="1910602366" sldId="2147483515"/>
            <ac:spMk id="10" creationId="{95C98C49-6591-B38B-A88F-7E2E5F00E574}"/>
          </ac:spMkLst>
        </pc:spChg>
        <pc:spChg chg="mod">
          <ac:chgData name="Jordan Roberts" userId="9b78abb5-3d19-481e-8b85-01a081d118b6" providerId="ADAL" clId="{594E9DB8-0978-4FF9-8A68-270611396743}" dt="2026-04-06T21:29:22.313" v="6133" actId="1076"/>
          <ac:spMkLst>
            <pc:docMk/>
            <pc:sldMk cId="1910602366" sldId="2147483515"/>
            <ac:spMk id="11" creationId="{F618E8B4-687B-47EE-EFF7-0530670ED2CC}"/>
          </ac:spMkLst>
        </pc:spChg>
        <pc:spChg chg="mod">
          <ac:chgData name="Jordan Roberts" userId="9b78abb5-3d19-481e-8b85-01a081d118b6" providerId="ADAL" clId="{594E9DB8-0978-4FF9-8A68-270611396743}" dt="2026-04-06T21:29:19.422" v="6132" actId="1076"/>
          <ac:spMkLst>
            <pc:docMk/>
            <pc:sldMk cId="1910602366" sldId="2147483515"/>
            <ac:spMk id="13" creationId="{DAF7D5BF-ACB6-AB7F-4674-FAE81FD31C88}"/>
          </ac:spMkLst>
        </pc:spChg>
        <pc:spChg chg="mod">
          <ac:chgData name="Jordan Roberts" userId="9b78abb5-3d19-481e-8b85-01a081d118b6" providerId="ADAL" clId="{594E9DB8-0978-4FF9-8A68-270611396743}" dt="2026-04-06T21:28:57.160" v="6124" actId="1076"/>
          <ac:spMkLst>
            <pc:docMk/>
            <pc:sldMk cId="1910602366" sldId="2147483515"/>
            <ac:spMk id="16" creationId="{4BA8668C-3B07-CDDA-253C-CE82A39A1404}"/>
          </ac:spMkLst>
        </pc:spChg>
        <pc:spChg chg="mod">
          <ac:chgData name="Jordan Roberts" userId="9b78abb5-3d19-481e-8b85-01a081d118b6" providerId="ADAL" clId="{594E9DB8-0978-4FF9-8A68-270611396743}" dt="2026-04-06T21:29:25.203" v="6134" actId="1076"/>
          <ac:spMkLst>
            <pc:docMk/>
            <pc:sldMk cId="1910602366" sldId="2147483515"/>
            <ac:spMk id="17" creationId="{91F72211-CAC7-C6E1-43AB-7F47C6E8991E}"/>
          </ac:spMkLst>
        </pc:spChg>
      </pc:sldChg>
      <pc:sldChg chg="ord">
        <pc:chgData name="Jordan Roberts" userId="9b78abb5-3d19-481e-8b85-01a081d118b6" providerId="ADAL" clId="{594E9DB8-0978-4FF9-8A68-270611396743}" dt="2026-04-06T18:24:05.375" v="5552"/>
        <pc:sldMkLst>
          <pc:docMk/>
          <pc:sldMk cId="2248867739" sldId="2147483641"/>
        </pc:sldMkLst>
      </pc:sldChg>
      <pc:sldChg chg="del">
        <pc:chgData name="Jordan Roberts" userId="9b78abb5-3d19-481e-8b85-01a081d118b6" providerId="ADAL" clId="{594E9DB8-0978-4FF9-8A68-270611396743}" dt="2026-04-07T01:12:09.290" v="8128" actId="47"/>
        <pc:sldMkLst>
          <pc:docMk/>
          <pc:sldMk cId="688876752" sldId="2147483646"/>
        </pc:sldMkLst>
      </pc:sldChg>
      <pc:sldChg chg="addSp delSp modSp add mod modNotesTx">
        <pc:chgData name="Jordan Roberts" userId="9b78abb5-3d19-481e-8b85-01a081d118b6" providerId="ADAL" clId="{594E9DB8-0978-4FF9-8A68-270611396743}" dt="2026-04-07T16:07:08.191" v="10303" actId="20577"/>
        <pc:sldMkLst>
          <pc:docMk/>
          <pc:sldMk cId="2262276610" sldId="2147483647"/>
        </pc:sldMkLst>
        <pc:spChg chg="add del mod">
          <ac:chgData name="Jordan Roberts" userId="9b78abb5-3d19-481e-8b85-01a081d118b6" providerId="ADAL" clId="{594E9DB8-0978-4FF9-8A68-270611396743}" dt="2026-04-07T15:20:09.604" v="10019" actId="20577"/>
          <ac:spMkLst>
            <pc:docMk/>
            <pc:sldMk cId="2262276610" sldId="2147483647"/>
            <ac:spMk id="3" creationId="{3596FC29-A8CE-26C6-A383-1C49CB704D01}"/>
          </ac:spMkLst>
        </pc:spChg>
        <pc:spChg chg="mod">
          <ac:chgData name="Jordan Roberts" userId="9b78abb5-3d19-481e-8b85-01a081d118b6" providerId="ADAL" clId="{594E9DB8-0978-4FF9-8A68-270611396743}" dt="2026-04-06T19:46:21.568" v="5657" actId="255"/>
          <ac:spMkLst>
            <pc:docMk/>
            <pc:sldMk cId="2262276610" sldId="2147483647"/>
            <ac:spMk id="4" creationId="{81D3FD9D-CC8E-F6B4-BFFD-897F21F08AC9}"/>
          </ac:spMkLst>
        </pc:spChg>
        <pc:spChg chg="mod">
          <ac:chgData name="Jordan Roberts" userId="9b78abb5-3d19-481e-8b85-01a081d118b6" providerId="ADAL" clId="{594E9DB8-0978-4FF9-8A68-270611396743}" dt="2026-04-06T19:46:50.388" v="5669" actId="1035"/>
          <ac:spMkLst>
            <pc:docMk/>
            <pc:sldMk cId="2262276610" sldId="2147483647"/>
            <ac:spMk id="5" creationId="{D11F9739-53E1-F419-5B52-3B398D98AE8F}"/>
          </ac:spMkLst>
        </pc:spChg>
        <pc:spChg chg="add mod">
          <ac:chgData name="Jordan Roberts" userId="9b78abb5-3d19-481e-8b85-01a081d118b6" providerId="ADAL" clId="{594E9DB8-0978-4FF9-8A68-270611396743}" dt="2026-04-06T19:46:47.248" v="5666" actId="1035"/>
          <ac:spMkLst>
            <pc:docMk/>
            <pc:sldMk cId="2262276610" sldId="2147483647"/>
            <ac:spMk id="6" creationId="{0653BC5C-25FC-898B-9802-7EBB3DAF2D5C}"/>
          </ac:spMkLst>
        </pc:spChg>
        <pc:spChg chg="mod">
          <ac:chgData name="Jordan Roberts" userId="9b78abb5-3d19-481e-8b85-01a081d118b6" providerId="ADAL" clId="{594E9DB8-0978-4FF9-8A68-270611396743}" dt="2026-04-06T19:45:47.915" v="5652" actId="255"/>
          <ac:spMkLst>
            <pc:docMk/>
            <pc:sldMk cId="2262276610" sldId="2147483647"/>
            <ac:spMk id="12" creationId="{62EF1661-DB5A-351D-8FB6-B8803C9C1A6F}"/>
          </ac:spMkLst>
        </pc:spChg>
        <pc:spChg chg="del">
          <ac:chgData name="Jordan Roberts" userId="9b78abb5-3d19-481e-8b85-01a081d118b6" providerId="ADAL" clId="{594E9DB8-0978-4FF9-8A68-270611396743}" dt="2026-04-06T13:48:24.913" v="440" actId="478"/>
          <ac:spMkLst>
            <pc:docMk/>
            <pc:sldMk cId="2262276610" sldId="2147483647"/>
            <ac:spMk id="18" creationId="{E941A3A6-21A9-BC2B-BF6E-4A6F75600330}"/>
          </ac:spMkLst>
        </pc:spChg>
        <pc:spChg chg="del">
          <ac:chgData name="Jordan Roberts" userId="9b78abb5-3d19-481e-8b85-01a081d118b6" providerId="ADAL" clId="{594E9DB8-0978-4FF9-8A68-270611396743}" dt="2026-04-06T13:49:05.123" v="507" actId="478"/>
          <ac:spMkLst>
            <pc:docMk/>
            <pc:sldMk cId="2262276610" sldId="2147483647"/>
            <ac:spMk id="21" creationId="{F98517D6-8580-3E5F-52F7-D8CD0F5CBD40}"/>
          </ac:spMkLst>
        </pc:spChg>
        <pc:spChg chg="del">
          <ac:chgData name="Jordan Roberts" userId="9b78abb5-3d19-481e-8b85-01a081d118b6" providerId="ADAL" clId="{594E9DB8-0978-4FF9-8A68-270611396743}" dt="2026-04-06T13:49:33.895" v="573" actId="478"/>
          <ac:spMkLst>
            <pc:docMk/>
            <pc:sldMk cId="2262276610" sldId="2147483647"/>
            <ac:spMk id="23" creationId="{20F678B9-0883-4BB1-2BD3-2790003D6856}"/>
          </ac:spMkLst>
        </pc:spChg>
        <pc:spChg chg="del">
          <ac:chgData name="Jordan Roberts" userId="9b78abb5-3d19-481e-8b85-01a081d118b6" providerId="ADAL" clId="{594E9DB8-0978-4FF9-8A68-270611396743}" dt="2026-04-06T13:49:32.073" v="572" actId="478"/>
          <ac:spMkLst>
            <pc:docMk/>
            <pc:sldMk cId="2262276610" sldId="2147483647"/>
            <ac:spMk id="24" creationId="{7AB2058A-C4F6-8029-1E13-DB4A95EA42D0}"/>
          </ac:spMkLst>
        </pc:spChg>
        <pc:spChg chg="mod">
          <ac:chgData name="Jordan Roberts" userId="9b78abb5-3d19-481e-8b85-01a081d118b6" providerId="ADAL" clId="{594E9DB8-0978-4FF9-8A68-270611396743}" dt="2026-04-07T16:07:08.191" v="10303" actId="20577"/>
          <ac:spMkLst>
            <pc:docMk/>
            <pc:sldMk cId="2262276610" sldId="2147483647"/>
            <ac:spMk id="27" creationId="{33588C8D-85C0-CFF1-E63C-2453D0D4B948}"/>
          </ac:spMkLst>
        </pc:spChg>
      </pc:sldChg>
      <pc:sldMasterChg chg="del delSldLayout">
        <pc:chgData name="Jordan Roberts" userId="9b78abb5-3d19-481e-8b85-01a081d118b6" providerId="ADAL" clId="{594E9DB8-0978-4FF9-8A68-270611396743}" dt="2026-04-06T21:25:42.616" v="6118" actId="2696"/>
        <pc:sldMasterMkLst>
          <pc:docMk/>
          <pc:sldMasterMk cId="383822848" sldId="2147483807"/>
        </pc:sldMasterMkLst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868175869" sldId="2147483808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362788627" sldId="2147483809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959954247" sldId="2147483810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3539477059" sldId="2147483811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644207547" sldId="2147483812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754043580" sldId="2147483813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983433892" sldId="2147483814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062617211" sldId="2147483815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737926806" sldId="2147483816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4005030351" sldId="2147483817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702048411" sldId="2147483818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259491709" sldId="2147483819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4056784961" sldId="2147483820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698256303" sldId="2147483821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449044571" sldId="2147483822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3397097401" sldId="2147483823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4243707387" sldId="2147483824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942338512" sldId="2147483825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2646414242" sldId="2147483826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1517534752" sldId="2147483827"/>
          </pc:sldLayoutMkLst>
        </pc:sldLayoutChg>
        <pc:sldLayoutChg chg="del">
          <pc:chgData name="Jordan Roberts" userId="9b78abb5-3d19-481e-8b85-01a081d118b6" providerId="ADAL" clId="{594E9DB8-0978-4FF9-8A68-270611396743}" dt="2026-04-06T21:25:42.616" v="6118" actId="2696"/>
          <pc:sldLayoutMkLst>
            <pc:docMk/>
            <pc:sldMasterMk cId="383822848" sldId="2147483807"/>
            <pc:sldLayoutMk cId="3759448406" sldId="2147483828"/>
          </pc:sldLayoutMkLst>
        </pc:sldLayoutChg>
      </pc:sldMasterChg>
      <pc:sldMasterChg chg="del delSldLayout">
        <pc:chgData name="Jordan Roberts" userId="9b78abb5-3d19-481e-8b85-01a081d118b6" providerId="ADAL" clId="{594E9DB8-0978-4FF9-8A68-270611396743}" dt="2026-04-06T21:33:50.520" v="6198" actId="47"/>
        <pc:sldMasterMkLst>
          <pc:docMk/>
          <pc:sldMasterMk cId="2079531548" sldId="2147483807"/>
        </pc:sldMasterMkLst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610675045" sldId="2147483808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435337717" sldId="2147483809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05207613" sldId="2147483810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3227141448" sldId="2147483811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198624990" sldId="2147483812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4180017958" sldId="2147483813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971036689" sldId="2147483814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875620913" sldId="2147483815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57786619" sldId="2147483816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1470259326" sldId="2147483817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4220378458" sldId="2147483818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962019089" sldId="2147483819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1721272456" sldId="2147483820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652566133" sldId="2147483821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188328660" sldId="2147483822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924896697" sldId="2147483823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1129044244" sldId="2147483824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928927090" sldId="2147483825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2680448534" sldId="2147483826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4047218245" sldId="2147483827"/>
          </pc:sldLayoutMkLst>
        </pc:sldLayoutChg>
        <pc:sldLayoutChg chg="del">
          <pc:chgData name="Jordan Roberts" userId="9b78abb5-3d19-481e-8b85-01a081d118b6" providerId="ADAL" clId="{594E9DB8-0978-4FF9-8A68-270611396743}" dt="2026-04-06T21:33:50.520" v="6198" actId="47"/>
          <pc:sldLayoutMkLst>
            <pc:docMk/>
            <pc:sldMasterMk cId="2079531548" sldId="2147483807"/>
            <pc:sldLayoutMk cId="4020087207" sldId="2147483828"/>
          </pc:sldLayoutMkLst>
        </pc:sldLayoutChg>
      </pc:sldMaster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F07966B-0924-440E-8842-8808D4F7559F}" type="doc">
      <dgm:prSet loTypeId="urn:microsoft.com/office/officeart/2005/8/layout/cycle8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F9401D0B-9AE4-40C1-BC68-D60569634C5F}">
      <dgm:prSet phldrT="[Text]" phldr="0"/>
      <dgm:spPr/>
      <dgm:t>
        <a:bodyPr/>
        <a:lstStyle/>
        <a:p>
          <a:r>
            <a:rPr lang="en-US" dirty="0"/>
            <a:t>IT Systems (LM, WMS, WFM) </a:t>
          </a:r>
        </a:p>
      </dgm:t>
    </dgm:pt>
    <dgm:pt modelId="{B857FB0B-4541-4A47-AD96-AF6FCDB22CEA}" type="parTrans" cxnId="{B18699D4-8D0C-4B93-A8DA-96C92770E591}">
      <dgm:prSet/>
      <dgm:spPr/>
      <dgm:t>
        <a:bodyPr/>
        <a:lstStyle/>
        <a:p>
          <a:endParaRPr lang="en-US"/>
        </a:p>
      </dgm:t>
    </dgm:pt>
    <dgm:pt modelId="{669DC37F-8158-4AB2-9580-BF9BECF45585}" type="sibTrans" cxnId="{B18699D4-8D0C-4B93-A8DA-96C92770E591}">
      <dgm:prSet/>
      <dgm:spPr/>
      <dgm:t>
        <a:bodyPr/>
        <a:lstStyle/>
        <a:p>
          <a:endParaRPr lang="en-US"/>
        </a:p>
      </dgm:t>
    </dgm:pt>
    <dgm:pt modelId="{9DB34038-70C1-4959-838D-11BDBAB41EC4}">
      <dgm:prSet phldrT="[Text]" phldr="0"/>
      <dgm:spPr/>
      <dgm:t>
        <a:bodyPr/>
        <a:lstStyle/>
        <a:p>
          <a:r>
            <a:rPr lang="en-US" dirty="0"/>
            <a:t>Leadership Operating System (LSW)</a:t>
          </a:r>
        </a:p>
      </dgm:t>
    </dgm:pt>
    <dgm:pt modelId="{3D221E09-7479-4C72-89E8-D94C641B6035}" type="parTrans" cxnId="{3CE4B846-F467-42CD-949F-9A9F72A52A1C}">
      <dgm:prSet/>
      <dgm:spPr/>
      <dgm:t>
        <a:bodyPr/>
        <a:lstStyle/>
        <a:p>
          <a:endParaRPr lang="en-US"/>
        </a:p>
      </dgm:t>
    </dgm:pt>
    <dgm:pt modelId="{68D2A153-3E1A-4117-92E1-96F5DA680F1B}" type="sibTrans" cxnId="{3CE4B846-F467-42CD-949F-9A9F72A52A1C}">
      <dgm:prSet/>
      <dgm:spPr/>
      <dgm:t>
        <a:bodyPr/>
        <a:lstStyle/>
        <a:p>
          <a:endParaRPr lang="en-US"/>
        </a:p>
      </dgm:t>
    </dgm:pt>
    <dgm:pt modelId="{9543EDE0-A498-4EE8-866C-938D186C72ED}">
      <dgm:prSet phldrT="[Text]" phldr="0"/>
      <dgm:spPr/>
      <dgm:t>
        <a:bodyPr/>
        <a:lstStyle/>
        <a:p>
          <a:r>
            <a:rPr lang="en-US" dirty="0"/>
            <a:t>Labor Standards</a:t>
          </a:r>
        </a:p>
      </dgm:t>
    </dgm:pt>
    <dgm:pt modelId="{BB915D37-E430-4521-BA50-531582548909}" type="parTrans" cxnId="{B05F646F-7939-4031-983D-DCC9EFA18B01}">
      <dgm:prSet/>
      <dgm:spPr/>
      <dgm:t>
        <a:bodyPr/>
        <a:lstStyle/>
        <a:p>
          <a:endParaRPr lang="en-US"/>
        </a:p>
      </dgm:t>
    </dgm:pt>
    <dgm:pt modelId="{154559E3-60A5-4BC9-A32D-3607EBA6EFA8}" type="sibTrans" cxnId="{B05F646F-7939-4031-983D-DCC9EFA18B01}">
      <dgm:prSet/>
      <dgm:spPr/>
      <dgm:t>
        <a:bodyPr/>
        <a:lstStyle/>
        <a:p>
          <a:endParaRPr lang="en-US"/>
        </a:p>
      </dgm:t>
    </dgm:pt>
    <dgm:pt modelId="{F5C15251-4310-4ABA-9735-CECBF2E6427A}" type="pres">
      <dgm:prSet presAssocID="{8F07966B-0924-440E-8842-8808D4F7559F}" presName="compositeShape" presStyleCnt="0">
        <dgm:presLayoutVars>
          <dgm:chMax val="7"/>
          <dgm:dir/>
          <dgm:resizeHandles val="exact"/>
        </dgm:presLayoutVars>
      </dgm:prSet>
      <dgm:spPr/>
    </dgm:pt>
    <dgm:pt modelId="{77CFF152-FB15-4CA5-BA3A-8312D97C92AE}" type="pres">
      <dgm:prSet presAssocID="{8F07966B-0924-440E-8842-8808D4F7559F}" presName="wedge1" presStyleLbl="node1" presStyleIdx="0" presStyleCnt="3"/>
      <dgm:spPr/>
    </dgm:pt>
    <dgm:pt modelId="{BE6669AD-AF54-4C85-A10A-4DA86C500E8A}" type="pres">
      <dgm:prSet presAssocID="{8F07966B-0924-440E-8842-8808D4F7559F}" presName="dummy1a" presStyleCnt="0"/>
      <dgm:spPr/>
    </dgm:pt>
    <dgm:pt modelId="{D0FF1A4F-1313-438E-812D-12DC1FAE4F7B}" type="pres">
      <dgm:prSet presAssocID="{8F07966B-0924-440E-8842-8808D4F7559F}" presName="dummy1b" presStyleCnt="0"/>
      <dgm:spPr/>
    </dgm:pt>
    <dgm:pt modelId="{ED969199-7EB3-433E-9A3D-3ABC6E31A822}" type="pres">
      <dgm:prSet presAssocID="{8F07966B-0924-440E-8842-8808D4F7559F}" presName="wedge1Tx" presStyleLbl="node1" presStyleIdx="0" presStyleCnt="3">
        <dgm:presLayoutVars>
          <dgm:chMax val="0"/>
          <dgm:chPref val="0"/>
          <dgm:bulletEnabled val="1"/>
        </dgm:presLayoutVars>
      </dgm:prSet>
      <dgm:spPr/>
    </dgm:pt>
    <dgm:pt modelId="{95669ED3-75FF-406B-87F1-7ECB24D3356B}" type="pres">
      <dgm:prSet presAssocID="{8F07966B-0924-440E-8842-8808D4F7559F}" presName="wedge2" presStyleLbl="node1" presStyleIdx="1" presStyleCnt="3"/>
      <dgm:spPr/>
    </dgm:pt>
    <dgm:pt modelId="{B63BE1DE-611E-479D-945F-36D611E04CF6}" type="pres">
      <dgm:prSet presAssocID="{8F07966B-0924-440E-8842-8808D4F7559F}" presName="dummy2a" presStyleCnt="0"/>
      <dgm:spPr/>
    </dgm:pt>
    <dgm:pt modelId="{EF3526D0-2E8C-43C4-9801-36F16EE55579}" type="pres">
      <dgm:prSet presAssocID="{8F07966B-0924-440E-8842-8808D4F7559F}" presName="dummy2b" presStyleCnt="0"/>
      <dgm:spPr/>
    </dgm:pt>
    <dgm:pt modelId="{5CCE7C75-6201-4E2B-A1A1-C732BD8CE767}" type="pres">
      <dgm:prSet presAssocID="{8F07966B-0924-440E-8842-8808D4F7559F}" presName="wedge2Tx" presStyleLbl="node1" presStyleIdx="1" presStyleCnt="3">
        <dgm:presLayoutVars>
          <dgm:chMax val="0"/>
          <dgm:chPref val="0"/>
          <dgm:bulletEnabled val="1"/>
        </dgm:presLayoutVars>
      </dgm:prSet>
      <dgm:spPr/>
    </dgm:pt>
    <dgm:pt modelId="{9987C177-BCF7-4E94-A125-C6A96177B59B}" type="pres">
      <dgm:prSet presAssocID="{8F07966B-0924-440E-8842-8808D4F7559F}" presName="wedge3" presStyleLbl="node1" presStyleIdx="2" presStyleCnt="3"/>
      <dgm:spPr/>
    </dgm:pt>
    <dgm:pt modelId="{221E426E-A3EC-4328-8F02-131B4AF96CBF}" type="pres">
      <dgm:prSet presAssocID="{8F07966B-0924-440E-8842-8808D4F7559F}" presName="dummy3a" presStyleCnt="0"/>
      <dgm:spPr/>
    </dgm:pt>
    <dgm:pt modelId="{CB0399D8-FE75-4B49-AA49-7B74AD86C89B}" type="pres">
      <dgm:prSet presAssocID="{8F07966B-0924-440E-8842-8808D4F7559F}" presName="dummy3b" presStyleCnt="0"/>
      <dgm:spPr/>
    </dgm:pt>
    <dgm:pt modelId="{7D24DEBF-062F-40F7-9AD6-2AF004839450}" type="pres">
      <dgm:prSet presAssocID="{8F07966B-0924-440E-8842-8808D4F7559F}" presName="wedge3Tx" presStyleLbl="node1" presStyleIdx="2" presStyleCnt="3">
        <dgm:presLayoutVars>
          <dgm:chMax val="0"/>
          <dgm:chPref val="0"/>
          <dgm:bulletEnabled val="1"/>
        </dgm:presLayoutVars>
      </dgm:prSet>
      <dgm:spPr/>
    </dgm:pt>
    <dgm:pt modelId="{970B9405-6720-4F05-9776-1BDDF3CE60D4}" type="pres">
      <dgm:prSet presAssocID="{669DC37F-8158-4AB2-9580-BF9BECF45585}" presName="arrowWedge1" presStyleLbl="fgSibTrans2D1" presStyleIdx="0" presStyleCnt="3"/>
      <dgm:spPr/>
    </dgm:pt>
    <dgm:pt modelId="{782D7021-2FEA-49DE-B9A7-530F56D5C1FE}" type="pres">
      <dgm:prSet presAssocID="{68D2A153-3E1A-4117-92E1-96F5DA680F1B}" presName="arrowWedge2" presStyleLbl="fgSibTrans2D1" presStyleIdx="1" presStyleCnt="3"/>
      <dgm:spPr/>
    </dgm:pt>
    <dgm:pt modelId="{FCDC0AD8-9E5C-4640-8A45-57C562AEA0F5}" type="pres">
      <dgm:prSet presAssocID="{154559E3-60A5-4BC9-A32D-3607EBA6EFA8}" presName="arrowWedge3" presStyleLbl="fgSibTrans2D1" presStyleIdx="2" presStyleCnt="3"/>
      <dgm:spPr/>
    </dgm:pt>
  </dgm:ptLst>
  <dgm:cxnLst>
    <dgm:cxn modelId="{649CC20B-04B5-4A71-9417-417E5B906140}" type="presOf" srcId="{F9401D0B-9AE4-40C1-BC68-D60569634C5F}" destId="{ED969199-7EB3-433E-9A3D-3ABC6E31A822}" srcOrd="1" destOrd="0" presId="urn:microsoft.com/office/officeart/2005/8/layout/cycle8"/>
    <dgm:cxn modelId="{A3FD4823-641A-4FFA-BBDA-593BE3EC306F}" type="presOf" srcId="{9543EDE0-A498-4EE8-866C-938D186C72ED}" destId="{7D24DEBF-062F-40F7-9AD6-2AF004839450}" srcOrd="1" destOrd="0" presId="urn:microsoft.com/office/officeart/2005/8/layout/cycle8"/>
    <dgm:cxn modelId="{E9FB0328-7E36-436C-A4DF-B1E0440F2CAE}" type="presOf" srcId="{9DB34038-70C1-4959-838D-11BDBAB41EC4}" destId="{5CCE7C75-6201-4E2B-A1A1-C732BD8CE767}" srcOrd="1" destOrd="0" presId="urn:microsoft.com/office/officeart/2005/8/layout/cycle8"/>
    <dgm:cxn modelId="{3CE4B846-F467-42CD-949F-9A9F72A52A1C}" srcId="{8F07966B-0924-440E-8842-8808D4F7559F}" destId="{9DB34038-70C1-4959-838D-11BDBAB41EC4}" srcOrd="1" destOrd="0" parTransId="{3D221E09-7479-4C72-89E8-D94C641B6035}" sibTransId="{68D2A153-3E1A-4117-92E1-96F5DA680F1B}"/>
    <dgm:cxn modelId="{967D9C59-81ED-46FC-99C1-E027507D03CC}" type="presOf" srcId="{9543EDE0-A498-4EE8-866C-938D186C72ED}" destId="{9987C177-BCF7-4E94-A125-C6A96177B59B}" srcOrd="0" destOrd="0" presId="urn:microsoft.com/office/officeart/2005/8/layout/cycle8"/>
    <dgm:cxn modelId="{5D09195E-CEBA-47D4-88E4-33442E282313}" type="presOf" srcId="{F9401D0B-9AE4-40C1-BC68-D60569634C5F}" destId="{77CFF152-FB15-4CA5-BA3A-8312D97C92AE}" srcOrd="0" destOrd="0" presId="urn:microsoft.com/office/officeart/2005/8/layout/cycle8"/>
    <dgm:cxn modelId="{8D5F9B5F-D787-446E-A51D-8B25106951D8}" type="presOf" srcId="{9DB34038-70C1-4959-838D-11BDBAB41EC4}" destId="{95669ED3-75FF-406B-87F1-7ECB24D3356B}" srcOrd="0" destOrd="0" presId="urn:microsoft.com/office/officeart/2005/8/layout/cycle8"/>
    <dgm:cxn modelId="{B05F646F-7939-4031-983D-DCC9EFA18B01}" srcId="{8F07966B-0924-440E-8842-8808D4F7559F}" destId="{9543EDE0-A498-4EE8-866C-938D186C72ED}" srcOrd="2" destOrd="0" parTransId="{BB915D37-E430-4521-BA50-531582548909}" sibTransId="{154559E3-60A5-4BC9-A32D-3607EBA6EFA8}"/>
    <dgm:cxn modelId="{6315F1AA-E2B8-4556-A6CF-B06B3B1FF928}" type="presOf" srcId="{8F07966B-0924-440E-8842-8808D4F7559F}" destId="{F5C15251-4310-4ABA-9735-CECBF2E6427A}" srcOrd="0" destOrd="0" presId="urn:microsoft.com/office/officeart/2005/8/layout/cycle8"/>
    <dgm:cxn modelId="{B18699D4-8D0C-4B93-A8DA-96C92770E591}" srcId="{8F07966B-0924-440E-8842-8808D4F7559F}" destId="{F9401D0B-9AE4-40C1-BC68-D60569634C5F}" srcOrd="0" destOrd="0" parTransId="{B857FB0B-4541-4A47-AD96-AF6FCDB22CEA}" sibTransId="{669DC37F-8158-4AB2-9580-BF9BECF45585}"/>
    <dgm:cxn modelId="{FAAC19D1-29E5-4F22-A8F0-BC5D1002C1C5}" type="presParOf" srcId="{F5C15251-4310-4ABA-9735-CECBF2E6427A}" destId="{77CFF152-FB15-4CA5-BA3A-8312D97C92AE}" srcOrd="0" destOrd="0" presId="urn:microsoft.com/office/officeart/2005/8/layout/cycle8"/>
    <dgm:cxn modelId="{60F40275-7323-4BD3-8C8F-A21769EF0D32}" type="presParOf" srcId="{F5C15251-4310-4ABA-9735-CECBF2E6427A}" destId="{BE6669AD-AF54-4C85-A10A-4DA86C500E8A}" srcOrd="1" destOrd="0" presId="urn:microsoft.com/office/officeart/2005/8/layout/cycle8"/>
    <dgm:cxn modelId="{EF972357-D79E-450C-879B-DF6261CE966B}" type="presParOf" srcId="{F5C15251-4310-4ABA-9735-CECBF2E6427A}" destId="{D0FF1A4F-1313-438E-812D-12DC1FAE4F7B}" srcOrd="2" destOrd="0" presId="urn:microsoft.com/office/officeart/2005/8/layout/cycle8"/>
    <dgm:cxn modelId="{B8F15E87-7CD1-4601-94CC-819C16872509}" type="presParOf" srcId="{F5C15251-4310-4ABA-9735-CECBF2E6427A}" destId="{ED969199-7EB3-433E-9A3D-3ABC6E31A822}" srcOrd="3" destOrd="0" presId="urn:microsoft.com/office/officeart/2005/8/layout/cycle8"/>
    <dgm:cxn modelId="{C672661E-E37B-44AC-BAF4-D8DB4B878F7F}" type="presParOf" srcId="{F5C15251-4310-4ABA-9735-CECBF2E6427A}" destId="{95669ED3-75FF-406B-87F1-7ECB24D3356B}" srcOrd="4" destOrd="0" presId="urn:microsoft.com/office/officeart/2005/8/layout/cycle8"/>
    <dgm:cxn modelId="{84754787-5017-4CB2-974E-96244E28A5E7}" type="presParOf" srcId="{F5C15251-4310-4ABA-9735-CECBF2E6427A}" destId="{B63BE1DE-611E-479D-945F-36D611E04CF6}" srcOrd="5" destOrd="0" presId="urn:microsoft.com/office/officeart/2005/8/layout/cycle8"/>
    <dgm:cxn modelId="{977A2F36-FB2B-4FD2-A9E8-FB65F51CF029}" type="presParOf" srcId="{F5C15251-4310-4ABA-9735-CECBF2E6427A}" destId="{EF3526D0-2E8C-43C4-9801-36F16EE55579}" srcOrd="6" destOrd="0" presId="urn:microsoft.com/office/officeart/2005/8/layout/cycle8"/>
    <dgm:cxn modelId="{A249E83D-2CC8-47B7-A824-3F5287BCB6F5}" type="presParOf" srcId="{F5C15251-4310-4ABA-9735-CECBF2E6427A}" destId="{5CCE7C75-6201-4E2B-A1A1-C732BD8CE767}" srcOrd="7" destOrd="0" presId="urn:microsoft.com/office/officeart/2005/8/layout/cycle8"/>
    <dgm:cxn modelId="{2E24B260-7273-4605-9DCB-24E50FA89A0A}" type="presParOf" srcId="{F5C15251-4310-4ABA-9735-CECBF2E6427A}" destId="{9987C177-BCF7-4E94-A125-C6A96177B59B}" srcOrd="8" destOrd="0" presId="urn:microsoft.com/office/officeart/2005/8/layout/cycle8"/>
    <dgm:cxn modelId="{326E2F86-B216-45CF-B511-3F622E540913}" type="presParOf" srcId="{F5C15251-4310-4ABA-9735-CECBF2E6427A}" destId="{221E426E-A3EC-4328-8F02-131B4AF96CBF}" srcOrd="9" destOrd="0" presId="urn:microsoft.com/office/officeart/2005/8/layout/cycle8"/>
    <dgm:cxn modelId="{BCCB3933-8B6B-4220-BB5C-BC005B9304D0}" type="presParOf" srcId="{F5C15251-4310-4ABA-9735-CECBF2E6427A}" destId="{CB0399D8-FE75-4B49-AA49-7B74AD86C89B}" srcOrd="10" destOrd="0" presId="urn:microsoft.com/office/officeart/2005/8/layout/cycle8"/>
    <dgm:cxn modelId="{890E2ACB-F65B-4325-8EAE-45D266F0FDCB}" type="presParOf" srcId="{F5C15251-4310-4ABA-9735-CECBF2E6427A}" destId="{7D24DEBF-062F-40F7-9AD6-2AF004839450}" srcOrd="11" destOrd="0" presId="urn:microsoft.com/office/officeart/2005/8/layout/cycle8"/>
    <dgm:cxn modelId="{04D4730F-EB2E-4ABF-8FA4-71299E2BEFE5}" type="presParOf" srcId="{F5C15251-4310-4ABA-9735-CECBF2E6427A}" destId="{970B9405-6720-4F05-9776-1BDDF3CE60D4}" srcOrd="12" destOrd="0" presId="urn:microsoft.com/office/officeart/2005/8/layout/cycle8"/>
    <dgm:cxn modelId="{6B059FDE-FC1A-49A7-9295-C267CF8876F3}" type="presParOf" srcId="{F5C15251-4310-4ABA-9735-CECBF2E6427A}" destId="{782D7021-2FEA-49DE-B9A7-530F56D5C1FE}" srcOrd="13" destOrd="0" presId="urn:microsoft.com/office/officeart/2005/8/layout/cycle8"/>
    <dgm:cxn modelId="{6C7C7C64-D62D-43D5-B9B2-E8DEA33A6B64}" type="presParOf" srcId="{F5C15251-4310-4ABA-9735-CECBF2E6427A}" destId="{FCDC0AD8-9E5C-4640-8A45-57C562AEA0F5}" srcOrd="14" destOrd="0" presId="urn:microsoft.com/office/officeart/2005/8/layout/cycle8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7CFF152-FB15-4CA5-BA3A-8312D97C92AE}">
      <dsp:nvSpPr>
        <dsp:cNvPr id="0" name=""/>
        <dsp:cNvSpPr/>
      </dsp:nvSpPr>
      <dsp:spPr>
        <a:xfrm>
          <a:off x="1638255" y="311258"/>
          <a:ext cx="4022413" cy="4022413"/>
        </a:xfrm>
        <a:prstGeom prst="pie">
          <a:avLst>
            <a:gd name="adj1" fmla="val 16200000"/>
            <a:gd name="adj2" fmla="val 180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9210" tIns="29210" rIns="29210" bIns="2921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 dirty="0"/>
            <a:t>IT Systems (LM, WMS, WFM) </a:t>
          </a:r>
        </a:p>
      </dsp:txBody>
      <dsp:txXfrm>
        <a:off x="3758163" y="1163626"/>
        <a:ext cx="1436576" cy="1197147"/>
      </dsp:txXfrm>
    </dsp:sp>
    <dsp:sp modelId="{95669ED3-75FF-406B-87F1-7ECB24D3356B}">
      <dsp:nvSpPr>
        <dsp:cNvPr id="0" name=""/>
        <dsp:cNvSpPr/>
      </dsp:nvSpPr>
      <dsp:spPr>
        <a:xfrm>
          <a:off x="1555413" y="454915"/>
          <a:ext cx="4022413" cy="4022413"/>
        </a:xfrm>
        <a:prstGeom prst="pie">
          <a:avLst>
            <a:gd name="adj1" fmla="val 1800000"/>
            <a:gd name="adj2" fmla="val 900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9210" tIns="29210" rIns="29210" bIns="2921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 dirty="0"/>
            <a:t>Leadership Operating System (LSW)</a:t>
          </a:r>
        </a:p>
      </dsp:txBody>
      <dsp:txXfrm>
        <a:off x="2513130" y="3064696"/>
        <a:ext cx="2154864" cy="1053489"/>
      </dsp:txXfrm>
    </dsp:sp>
    <dsp:sp modelId="{9987C177-BCF7-4E94-A125-C6A96177B59B}">
      <dsp:nvSpPr>
        <dsp:cNvPr id="0" name=""/>
        <dsp:cNvSpPr/>
      </dsp:nvSpPr>
      <dsp:spPr>
        <a:xfrm>
          <a:off x="1472570" y="311258"/>
          <a:ext cx="4022413" cy="4022413"/>
        </a:xfrm>
        <a:prstGeom prst="pie">
          <a:avLst>
            <a:gd name="adj1" fmla="val 9000000"/>
            <a:gd name="adj2" fmla="val 1620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9210" tIns="29210" rIns="29210" bIns="2921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 dirty="0"/>
            <a:t>Labor Standards</a:t>
          </a:r>
        </a:p>
      </dsp:txBody>
      <dsp:txXfrm>
        <a:off x="1938500" y="1163626"/>
        <a:ext cx="1436576" cy="1197147"/>
      </dsp:txXfrm>
    </dsp:sp>
    <dsp:sp modelId="{970B9405-6720-4F05-9776-1BDDF3CE60D4}">
      <dsp:nvSpPr>
        <dsp:cNvPr id="0" name=""/>
        <dsp:cNvSpPr/>
      </dsp:nvSpPr>
      <dsp:spPr>
        <a:xfrm>
          <a:off x="1389581" y="62251"/>
          <a:ext cx="4520427" cy="4520427"/>
        </a:xfrm>
        <a:prstGeom prst="circularArrow">
          <a:avLst>
            <a:gd name="adj1" fmla="val 5085"/>
            <a:gd name="adj2" fmla="val 327528"/>
            <a:gd name="adj3" fmla="val 1472472"/>
            <a:gd name="adj4" fmla="val 16199432"/>
            <a:gd name="adj5" fmla="val 5932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82D7021-2FEA-49DE-B9A7-530F56D5C1FE}">
      <dsp:nvSpPr>
        <dsp:cNvPr id="0" name=""/>
        <dsp:cNvSpPr/>
      </dsp:nvSpPr>
      <dsp:spPr>
        <a:xfrm>
          <a:off x="1306406" y="205654"/>
          <a:ext cx="4520427" cy="4520427"/>
        </a:xfrm>
        <a:prstGeom prst="circularArrow">
          <a:avLst>
            <a:gd name="adj1" fmla="val 5085"/>
            <a:gd name="adj2" fmla="val 327528"/>
            <a:gd name="adj3" fmla="val 8671970"/>
            <a:gd name="adj4" fmla="val 1800502"/>
            <a:gd name="adj5" fmla="val 5932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CDC0AD8-9E5C-4640-8A45-57C562AEA0F5}">
      <dsp:nvSpPr>
        <dsp:cNvPr id="0" name=""/>
        <dsp:cNvSpPr/>
      </dsp:nvSpPr>
      <dsp:spPr>
        <a:xfrm>
          <a:off x="1223231" y="62251"/>
          <a:ext cx="4520427" cy="4520427"/>
        </a:xfrm>
        <a:prstGeom prst="circularArrow">
          <a:avLst>
            <a:gd name="adj1" fmla="val 5085"/>
            <a:gd name="adj2" fmla="val 327528"/>
            <a:gd name="adj3" fmla="val 15873039"/>
            <a:gd name="adj4" fmla="val 9000000"/>
            <a:gd name="adj5" fmla="val 5932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8">
  <dgm:title val=""/>
  <dgm:desc val=""/>
  <dgm:catLst>
    <dgm:cat type="cycle" pri="7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clrData>
  <dgm:layoutNode name="compositeShape">
    <dgm:varLst>
      <dgm:chMax val="7"/>
      <dgm:dir/>
      <dgm:resizeHandles val="exact"/>
    </dgm:varLst>
    <dgm:alg type="composite">
      <dgm:param type="horzAlign" val="ctr"/>
      <dgm:param type="vertAlign" val="mid"/>
      <dgm:param type="ar" val="1"/>
    </dgm:alg>
    <dgm:shape xmlns:r="http://schemas.openxmlformats.org/officeDocument/2006/relationships" r:blip="">
      <dgm:adjLst/>
    </dgm:shape>
    <dgm:presOf/>
    <dgm:choose name="Name0">
      <dgm:if name="Name1" axis="ch" ptType="node" func="cnt" op="equ" val="1">
        <dgm:constrLst>
          <dgm:constr type="l" for="ch" forName="wedge1" refType="w" fact="0.08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"/>
          <dgm:constr type="t" for="ch" forName="dummy1a" refType="h" fact="0.08"/>
          <dgm:constr type="l" for="ch" forName="dummy1b" refType="w" fact="0.5"/>
          <dgm:constr type="t" for="ch" forName="dummy1b" refType="h" fact="0.08"/>
          <dgm:constr type="l" for="ch" forName="wedge1Tx" refType="w" fact="0.22"/>
          <dgm:constr type="t" for="ch" forName="wedge1Tx" refType="h" fact="0.22"/>
          <dgm:constr type="w" for="ch" forName="wedge1Tx" refType="w" fact="0.56"/>
          <dgm:constr type="h" for="ch" forName="wedge1Tx" refType="h" fact="0.56"/>
          <dgm:constr type="h" for="ch" forName="arrowWedge1single" refType="w" fact="0.08"/>
          <dgm:constr type="diam" for="ch" forName="arrowWedge1single" refType="w" fact="0.84"/>
          <dgm:constr type="l" for="ch" forName="arrowWedge1single" refType="w" fact="0.5"/>
          <dgm:constr type="t" for="ch" forName="arrowWedge1single" refType="w" fact="0.5"/>
          <dgm:constr type="primFontSz" for="ch" ptType="node" op="equ"/>
        </dgm:constrLst>
      </dgm:if>
      <dgm:if name="Name2" axis="ch" ptType="node" func="cnt" op="equ" val="2">
        <dgm:constrLst>
          <dgm:constr type="l" for="ch" forName="wedge1" refType="w" fact="0.1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2"/>
          <dgm:constr type="t" for="ch" forName="dummy1a" refType="h" fact="0.08"/>
          <dgm:constr type="l" for="ch" forName="dummy1b" refType="w" fact="0.52"/>
          <dgm:constr type="t" for="ch" forName="dummy1b" refType="h" fact="0.92"/>
          <dgm:constr type="l" for="ch" forName="wedge1Tx" refType="w" fact="0.559"/>
          <dgm:constr type="t" for="ch" forName="wedge1Tx" refType="h" fact="0.3"/>
          <dgm:constr type="w" for="ch" forName="wedge1Tx" refType="w" fact="0.3"/>
          <dgm:constr type="h" for="ch" forName="wedge1Tx" refType="h" fact="0.4"/>
          <dgm:constr type="l" for="ch" forName="wedge2" refType="w" fact="0.06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48"/>
          <dgm:constr type="t" for="ch" forName="dummy2a" refType="h" fact="0.92"/>
          <dgm:constr type="l" for="ch" forName="dummy2b" refType="w" fact="0.48"/>
          <dgm:constr type="t" for="ch" forName="dummy2b" refType="h" fact="0.08"/>
          <dgm:constr type="r" for="ch" forName="wedge2Tx" refType="w" fact="0.441"/>
          <dgm:constr type="t" for="ch" forName="wedge2Tx" refType="h" fact="0.3"/>
          <dgm:constr type="w" for="ch" forName="wedge2Tx" refType="w" fact="0.3"/>
          <dgm:constr type="h" for="ch" forName="wedge2Tx" refType="h" fact="0.4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primFontSz" for="ch" ptType="node" op="equ"/>
        </dgm:constrLst>
      </dgm:if>
      <dgm:if name="Name3" axis="ch" ptType="node" func="cnt" op="equ" val="3">
        <dgm:constrLst>
          <dgm:constr type="l" for="ch" forName="wedge1" refType="w" fact="0.0973"/>
          <dgm:constr type="t" for="ch" forName="wedge1" refType="w" fact="0.07"/>
          <dgm:constr type="w" for="ch" forName="wedge1" refType="w" fact="0.84"/>
          <dgm:constr type="h" for="ch" forName="wedge1" refType="h" fact="0.84"/>
          <dgm:constr type="l" for="ch" forName="dummy1a" refType="w" fact="0.5173"/>
          <dgm:constr type="t" for="ch" forName="dummy1a" refType="h" fact="0.07"/>
          <dgm:constr type="l" for="ch" forName="dummy1b" refType="w" fact="0.8811"/>
          <dgm:constr type="t" for="ch" forName="dummy1b" refType="h" fact="0.7"/>
          <dgm:constr type="l" for="ch" forName="wedge1Tx" refType="w" fact="0.54"/>
          <dgm:constr type="t" for="ch" forName="wedge1Tx" refType="h" fact="0.248"/>
          <dgm:constr type="w" for="ch" forName="wedge1Tx" refType="w" fact="0.3"/>
          <dgm:constr type="h" for="ch" forName="wedge1Tx" refType="h" fact="0.25"/>
          <dgm:constr type="l" for="ch" forName="wedge2" refType="w" fact="0.08"/>
          <dgm:constr type="t" for="ch" forName="wedge2" refType="w" fact="0.1"/>
          <dgm:constr type="w" for="ch" forName="wedge2" refType="w" fact="0.84"/>
          <dgm:constr type="h" for="ch" forName="wedge2" refType="h" fact="0.84"/>
          <dgm:constr type="l" for="ch" forName="dummy2a" refType="w" fact="0.8637"/>
          <dgm:constr type="t" for="ch" forName="dummy2a" refType="h" fact="0.73"/>
          <dgm:constr type="l" for="ch" forName="dummy2b" refType="w" fact="0.1363"/>
          <dgm:constr type="t" for="ch" forName="dummy2b" refType="h" fact="0.73"/>
          <dgm:constr type="l" for="ch" forName="wedge2Tx" refType="w" fact="0.28"/>
          <dgm:constr type="t" for="ch" forName="wedge2Tx" refType="h" fact="0.645"/>
          <dgm:constr type="w" for="ch" forName="wedge2Tx" refType="w" fact="0.45"/>
          <dgm:constr type="h" for="ch" forName="wedge2Tx" refType="h" fact="0.22"/>
          <dgm:constr type="l" for="ch" forName="wedge3" refType="w" fact="0.0627"/>
          <dgm:constr type="t" for="ch" forName="wedge3" refType="w" fact="0.07"/>
          <dgm:constr type="w" for="ch" forName="wedge3" refType="w" fact="0.84"/>
          <dgm:constr type="h" for="ch" forName="wedge3" refType="h" fact="0.84"/>
          <dgm:constr type="l" for="ch" forName="dummy3a" refType="w" fact="0.1189"/>
          <dgm:constr type="t" for="ch" forName="dummy3a" refType="h" fact="0.7"/>
          <dgm:constr type="l" for="ch" forName="dummy3b" refType="w" fact="0.4827"/>
          <dgm:constr type="t" for="ch" forName="dummy3b" refType="h" fact="0.07"/>
          <dgm:constr type="r" for="ch" forName="wedge3Tx" refType="w" fact="0.46"/>
          <dgm:constr type="t" for="ch" forName="wedge3Tx" refType="h" fact="0.248"/>
          <dgm:constr type="w" for="ch" forName="wedge3Tx" refType="w" fact="0.3"/>
          <dgm:constr type="h" for="ch" forName="wedge3Tx" refType="h" fact="0.25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primFontSz" for="ch" ptType="node" op="equ"/>
        </dgm:constrLst>
      </dgm:if>
      <dgm:if name="Name4" axis="ch" ptType="node" func="cnt" op="equ" val="4">
        <dgm:constrLst>
          <dgm:constr type="l" for="ch" forName="wedge1" refType="w" fact="0.0941"/>
          <dgm:constr type="t" for="ch" forName="wedge1" refType="w" fact="0.0659"/>
          <dgm:constr type="w" for="ch" forName="wedge1" refType="w" fact="0.84"/>
          <dgm:constr type="h" for="ch" forName="wedge1" refType="h" fact="0.84"/>
          <dgm:constr type="l" for="ch" forName="dummy1a" refType="w" fact="0.5141"/>
          <dgm:constr type="t" for="ch" forName="dummy1a" refType="h" fact="0.0659"/>
          <dgm:constr type="l" for="ch" forName="dummy1b" refType="w" fact="0.9341"/>
          <dgm:constr type="t" for="ch" forName="dummy1b" refType="h" fact="0.4859"/>
          <dgm:constr type="l" for="ch" forName="wedge1Tx" refType="w" fact="0.54"/>
          <dgm:constr type="t" for="ch" forName="wedge1Tx" refType="h" fact="0.24"/>
          <dgm:constr type="w" for="ch" forName="wedge1Tx" refType="w" fact="0.31"/>
          <dgm:constr type="h" for="ch" forName="wedge1Tx" refType="h" fact="0.23"/>
          <dgm:constr type="l" for="ch" forName="wedge2" refType="w" fact="0.0941"/>
          <dgm:constr type="t" for="ch" forName="wedge2" refType="w" fact="0.0941"/>
          <dgm:constr type="w" for="ch" forName="wedge2" refType="w" fact="0.84"/>
          <dgm:constr type="h" for="ch" forName="wedge2" refType="h" fact="0.84"/>
          <dgm:constr type="l" for="ch" forName="dummy2a" refType="w" fact="0.9341"/>
          <dgm:constr type="t" for="ch" forName="dummy2a" refType="h" fact="0.5141"/>
          <dgm:constr type="l" for="ch" forName="dummy2b" refType="w" fact="0.5141"/>
          <dgm:constr type="t" for="ch" forName="dummy2b" refType="h" fact="0.9341"/>
          <dgm:constr type="l" for="ch" forName="wedge2Tx" refType="w" fact="0.54"/>
          <dgm:constr type="t" for="ch" forName="wedge2Tx" refType="h" fact="0.53"/>
          <dgm:constr type="w" for="ch" forName="wedge2Tx" refType="w" fact="0.31"/>
          <dgm:constr type="h" for="ch" forName="wedge2Tx" refType="h" fact="0.23"/>
          <dgm:constr type="l" for="ch" forName="wedge3" refType="w" fact="0.0659"/>
          <dgm:constr type="t" for="ch" forName="wedge3" refType="w" fact="0.0941"/>
          <dgm:constr type="w" for="ch" forName="wedge3" refType="w" fact="0.84"/>
          <dgm:constr type="h" for="ch" forName="wedge3" refType="h" fact="0.84"/>
          <dgm:constr type="l" for="ch" forName="dummy3a" refType="w" fact="0.4859"/>
          <dgm:constr type="t" for="ch" forName="dummy3a" refType="h" fact="0.9341"/>
          <dgm:constr type="l" for="ch" forName="dummy3b" refType="w" fact="0.0659"/>
          <dgm:constr type="t" for="ch" forName="dummy3b" refType="h" fact="0.5141"/>
          <dgm:constr type="r" for="ch" forName="wedge3Tx" refType="w" fact="0.46"/>
          <dgm:constr type="t" for="ch" forName="wedge3Tx" refType="h" fact="0.53"/>
          <dgm:constr type="w" for="ch" forName="wedge3Tx" refType="w" fact="0.31"/>
          <dgm:constr type="h" for="ch" forName="wedge3Tx" refType="h" fact="0.23"/>
          <dgm:constr type="l" for="ch" forName="wedge4" refType="w" fact="0.0659"/>
          <dgm:constr type="t" for="ch" forName="wedge4" refType="h" fact="0.0659"/>
          <dgm:constr type="w" for="ch" forName="wedge4" refType="w" fact="0.84"/>
          <dgm:constr type="h" for="ch" forName="wedge4" refType="h" fact="0.84"/>
          <dgm:constr type="l" for="ch" forName="dummy4a" refType="w" fact="0.0659"/>
          <dgm:constr type="t" for="ch" forName="dummy4a" refType="h" fact="0.4859"/>
          <dgm:constr type="l" for="ch" forName="dummy4b" refType="w" fact="0.4859"/>
          <dgm:constr type="t" for="ch" forName="dummy4b" refType="h" fact="0.0659"/>
          <dgm:constr type="r" for="ch" forName="wedge4Tx" refType="w" fact="0.46"/>
          <dgm:constr type="t" for="ch" forName="wedge4Tx" refType="h" fact="0.24"/>
          <dgm:constr type="w" for="ch" forName="wedge4Tx" refType="w" fact="0.31"/>
          <dgm:constr type="h" for="ch" forName="wedge4Tx" refType="h" fact="0.23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primFontSz" for="ch" ptType="node" op="equ"/>
        </dgm:constrLst>
      </dgm:if>
      <dgm:if name="Name5" axis="ch" ptType="node" func="cnt" op="equ" val="5">
        <dgm:constrLst>
          <dgm:constr type="l" for="ch" forName="wedge1" refType="w" fact="0.0918"/>
          <dgm:constr type="t" for="ch" forName="wedge1" refType="w" fact="0.0638"/>
          <dgm:constr type="w" for="ch" forName="wedge1" refType="w" fact="0.84"/>
          <dgm:constr type="h" for="ch" forName="wedge1" refType="h" fact="0.84"/>
          <dgm:constr type="l" for="ch" forName="dummy1a" refType="w" fact="0.5118"/>
          <dgm:constr type="t" for="ch" forName="dummy1a" refType="h" fact="0.0638"/>
          <dgm:constr type="l" for="ch" forName="dummy1b" refType="w" fact="0.9112"/>
          <dgm:constr type="t" for="ch" forName="dummy1b" refType="h" fact="0.354"/>
          <dgm:constr type="l" for="ch" forName="wedge1Tx" refType="w" fact="0.53"/>
          <dgm:constr type="t" for="ch" forName="wedge1Tx" refType="h" fact="0.205"/>
          <dgm:constr type="w" for="ch" forName="wedge1Tx" refType="w" fact="0.27"/>
          <dgm:constr type="h" for="ch" forName="wedge1Tx" refType="h" fact="0.18"/>
          <dgm:constr type="l" for="ch" forName="wedge2" refType="w" fact="0.099"/>
          <dgm:constr type="t" for="ch" forName="wedge2" refType="w" fact="0.0862"/>
          <dgm:constr type="w" for="ch" forName="wedge2" refType="w" fact="0.84"/>
          <dgm:constr type="h" for="ch" forName="wedge2" refType="h" fact="0.84"/>
          <dgm:constr type="l" for="ch" forName="dummy2a" refType="w" fact="0.9185"/>
          <dgm:constr type="t" for="ch" forName="dummy2a" refType="h" fact="0.3764"/>
          <dgm:constr type="l" for="ch" forName="dummy2b" refType="w" fact="0.7659"/>
          <dgm:constr type="t" for="ch" forName="dummy2b" refType="h" fact="0.846"/>
          <dgm:constr type="l" for="ch" forName="wedge2Tx" refType="w" fact="0.64"/>
          <dgm:constr type="t" for="ch" forName="wedge2Tx" refType="h" fact="0.47"/>
          <dgm:constr type="w" for="ch" forName="wedge2Tx" refType="w" fact="0.25"/>
          <dgm:constr type="h" for="ch" forName="wedge2Tx" refType="h" fact="0.2"/>
          <dgm:constr type="l" for="ch" forName="wedge3" refType="w" fact="0.08"/>
          <dgm:constr type="t" for="ch" forName="wedge3" refType="w" fact="0.1"/>
          <dgm:constr type="w" for="ch" forName="wedge3" refType="w" fact="0.84"/>
          <dgm:constr type="h" for="ch" forName="wedge3" refType="h" fact="0.84"/>
          <dgm:constr type="l" for="ch" forName="dummy3a" refType="w" fact="0.7469"/>
          <dgm:constr type="t" for="ch" forName="dummy3a" refType="h" fact="0.8598"/>
          <dgm:constr type="l" for="ch" forName="dummy3b" refType="w" fact="0.2531"/>
          <dgm:constr type="t" for="ch" forName="dummy3b" refType="h" fact="0.8598"/>
          <dgm:constr type="l" for="ch" forName="wedge3Tx" refType="w" fact="0.38"/>
          <dgm:constr type="t" for="ch" forName="wedge3Tx" refType="h" fact="0.69"/>
          <dgm:constr type="w" for="ch" forName="wedge3Tx" refType="w" fact="0.24"/>
          <dgm:constr type="h" for="ch" forName="wedge3Tx" refType="h" fact="0.22"/>
          <dgm:constr type="l" for="ch" forName="wedge4" refType="w" fact="0.061"/>
          <dgm:constr type="t" for="ch" forName="wedge4" refType="h" fact="0.0862"/>
          <dgm:constr type="w" for="ch" forName="wedge4" refType="w" fact="0.84"/>
          <dgm:constr type="h" for="ch" forName="wedge4" refType="h" fact="0.84"/>
          <dgm:constr type="l" for="ch" forName="dummy4a" refType="w" fact="0.2341"/>
          <dgm:constr type="t" for="ch" forName="dummy4a" refType="h" fact="0.846"/>
          <dgm:constr type="l" for="ch" forName="dummy4b" refType="w" fact="0.0815"/>
          <dgm:constr type="t" for="ch" forName="dummy4b" refType="h" fact="0.3764"/>
          <dgm:constr type="r" for="ch" forName="wedge4Tx" refType="w" fact="0.36"/>
          <dgm:constr type="t" for="ch" forName="wedge4Tx" refType="h" fact="0.47"/>
          <dgm:constr type="w" for="ch" forName="wedge4Tx" refType="w" fact="0.25"/>
          <dgm:constr type="h" for="ch" forName="wedge4Tx" refType="h" fact="0.2"/>
          <dgm:constr type="l" for="ch" forName="wedge5" refType="w" fact="0.0682"/>
          <dgm:constr type="t" for="ch" forName="wedge5" refType="h" fact="0.0638"/>
          <dgm:constr type="w" for="ch" forName="wedge5" refType="w" fact="0.84"/>
          <dgm:constr type="h" for="ch" forName="wedge5" refType="h" fact="0.84"/>
          <dgm:constr type="l" for="ch" forName="dummy5a" refType="w" fact="0.0888"/>
          <dgm:constr type="t" for="ch" forName="dummy5a" refType="h" fact="0.354"/>
          <dgm:constr type="l" for="ch" forName="dummy5b" refType="w" fact="0.4882"/>
          <dgm:constr type="t" for="ch" forName="dummy5b" refType="h" fact="0.0638"/>
          <dgm:constr type="r" for="ch" forName="wedge5Tx" refType="w" fact="0.47"/>
          <dgm:constr type="t" for="ch" forName="wedge5Tx" refType="h" fact="0.205"/>
          <dgm:constr type="w" for="ch" forName="wedge5Tx" refType="w" fact="0.27"/>
          <dgm:constr type="h" for="ch" forName="wedge5Tx" refType="h" fact="0.18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primFontSz" for="ch" ptType="node" op="equ"/>
        </dgm:constrLst>
      </dgm:if>
      <dgm:if name="Name6" axis="ch" ptType="node" func="cnt" op="equ" val="6">
        <dgm:constrLst>
          <dgm:constr type="l" for="ch" forName="wedge1" refType="w" fact="0.09"/>
          <dgm:constr type="t" for="ch" forName="wedge1" refType="w" fact="0.0627"/>
          <dgm:constr type="w" for="ch" forName="wedge1" refType="w" fact="0.84"/>
          <dgm:constr type="h" for="ch" forName="wedge1" refType="h" fact="0.84"/>
          <dgm:constr type="l" for="ch" forName="dummy1a" refType="w" fact="0.51"/>
          <dgm:constr type="t" for="ch" forName="dummy1a" refType="h" fact="0.0627"/>
          <dgm:constr type="l" for="ch" forName="dummy1b" refType="w" fact="0.8737"/>
          <dgm:constr type="t" for="ch" forName="dummy1b" refType="h" fact="0.2727"/>
          <dgm:constr type="l" for="ch" forName="wedge1Tx" refType="w" fact="0.53"/>
          <dgm:constr type="t" for="ch" forName="wedge1Tx" refType="h" fact="0.17"/>
          <dgm:constr type="w" for="ch" forName="wedge1Tx" refType="w" fact="0.22"/>
          <dgm:constr type="h" for="ch" forName="wedge1Tx" refType="h" fact="0.17"/>
          <dgm:constr type="l" for="ch" forName="wedge2" refType="w" fact="0.1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8837"/>
          <dgm:constr type="t" for="ch" forName="dummy2a" refType="h" fact="0.29"/>
          <dgm:constr type="l" for="ch" forName="dummy2b" refType="w" fact="0.8837"/>
          <dgm:constr type="t" for="ch" forName="dummy2b" refType="h" fact="0.71"/>
          <dgm:constr type="l" for="ch" forName="wedge2Tx" refType="w" fact="0.67"/>
          <dgm:constr type="t" for="ch" forName="wedge2Tx" refType="h" fact="0.42"/>
          <dgm:constr type="w" for="ch" forName="wedge2Tx" refType="w" fact="0.23"/>
          <dgm:constr type="h" for="ch" forName="wedge2Tx" refType="h" fact="0.165"/>
          <dgm:constr type="l" for="ch" forName="wedge3" refType="w" fact="0.09"/>
          <dgm:constr type="t" for="ch" forName="wedge3" refType="w" fact="0.0973"/>
          <dgm:constr type="w" for="ch" forName="wedge3" refType="w" fact="0.84"/>
          <dgm:constr type="h" for="ch" forName="wedge3" refType="h" fact="0.84"/>
          <dgm:constr type="l" for="ch" forName="dummy3a" refType="w" fact="0.8737"/>
          <dgm:constr type="t" for="ch" forName="dummy3a" refType="h" fact="0.7273"/>
          <dgm:constr type="l" for="ch" forName="dummy3b" refType="w" fact="0.51"/>
          <dgm:constr type="t" for="ch" forName="dummy3b" refType="h" fact="0.9373"/>
          <dgm:constr type="l" for="ch" forName="wedge3Tx" refType="w" fact="0.53"/>
          <dgm:constr type="t" for="ch" forName="wedge3Tx" refType="h" fact="0.665"/>
          <dgm:constr type="w" for="ch" forName="wedge3Tx" refType="w" fact="0.22"/>
          <dgm:constr type="h" for="ch" forName="wedge3Tx" refType="h" fact="0.17"/>
          <dgm:constr type="l" for="ch" forName="wedge4" refType="w" fact="0.07"/>
          <dgm:constr type="t" for="ch" forName="wedge4" refType="h" fact="0.0973"/>
          <dgm:constr type="w" for="ch" forName="wedge4" refType="w" fact="0.84"/>
          <dgm:constr type="h" for="ch" forName="wedge4" refType="h" fact="0.84"/>
          <dgm:constr type="l" for="ch" forName="dummy4a" refType="w" fact="0.49"/>
          <dgm:constr type="t" for="ch" forName="dummy4a" refType="h" fact="0.9373"/>
          <dgm:constr type="l" for="ch" forName="dummy4b" refType="w" fact="0.1263"/>
          <dgm:constr type="t" for="ch" forName="dummy4b" refType="h" fact="0.7273"/>
          <dgm:constr type="r" for="ch" forName="wedge4Tx" refType="w" fact="0.47"/>
          <dgm:constr type="t" for="ch" forName="wedge4Tx" refType="h" fact="0.665"/>
          <dgm:constr type="w" for="ch" forName="wedge4Tx" refType="w" fact="0.22"/>
          <dgm:constr type="h" for="ch" forName="wedge4Tx" refType="h" fact="0.17"/>
          <dgm:constr type="l" for="ch" forName="wedge5" refType="w" fact="0.06"/>
          <dgm:constr type="t" for="ch" forName="wedge5" refType="h" fact="0.08"/>
          <dgm:constr type="w" for="ch" forName="wedge5" refType="w" fact="0.84"/>
          <dgm:constr type="h" for="ch" forName="wedge5" refType="h" fact="0.84"/>
          <dgm:constr type="l" for="ch" forName="dummy5a" refType="w" fact="0.1163"/>
          <dgm:constr type="t" for="ch" forName="dummy5a" refType="h" fact="0.71"/>
          <dgm:constr type="l" for="ch" forName="dummy5b" refType="w" fact="0.1163"/>
          <dgm:constr type="t" for="ch" forName="dummy5b" refType="h" fact="0.29"/>
          <dgm:constr type="r" for="ch" forName="wedge5Tx" refType="w" fact="0.33"/>
          <dgm:constr type="t" for="ch" forName="wedge5Tx" refType="h" fact="0.42"/>
          <dgm:constr type="w" for="ch" forName="wedge5Tx" refType="w" fact="0.23"/>
          <dgm:constr type="h" for="ch" forName="wedge5Tx" refType="h" fact="0.165"/>
          <dgm:constr type="l" for="ch" forName="wedge6" refType="w" fact="0.07"/>
          <dgm:constr type="t" for="ch" forName="wedge6" refType="h" fact="0.0627"/>
          <dgm:constr type="w" for="ch" forName="wedge6" refType="w" fact="0.84"/>
          <dgm:constr type="h" for="ch" forName="wedge6" refType="h" fact="0.84"/>
          <dgm:constr type="l" for="ch" forName="dummy6a" refType="w" fact="0.1263"/>
          <dgm:constr type="t" for="ch" forName="dummy6a" refType="h" fact="0.2727"/>
          <dgm:constr type="l" for="ch" forName="dummy6b" refType="w" fact="0.49"/>
          <dgm:constr type="t" for="ch" forName="dummy6b" refType="h" fact="0.0627"/>
          <dgm:constr type="r" for="ch" forName="wedge6Tx" refType="w" fact="0.47"/>
          <dgm:constr type="t" for="ch" forName="wedge6Tx" refType="h" fact="0.17"/>
          <dgm:constr type="w" for="ch" forName="wedge6Tx" refType="w" fact="0.22"/>
          <dgm:constr type="h" for="ch" forName="wedge6Tx" refType="h" fact="0.17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primFontSz" for="ch" ptType="node" op="equ"/>
        </dgm:constrLst>
      </dgm:if>
      <dgm:else name="Name7">
        <dgm:constrLst>
          <dgm:constr type="l" for="ch" forName="wedge1" refType="w" fact="0.0887"/>
          <dgm:constr type="t" for="ch" forName="wedge1" refType="w" fact="0.062"/>
          <dgm:constr type="w" for="ch" forName="wedge1" refType="w" fact="0.84"/>
          <dgm:constr type="h" for="ch" forName="wedge1" refType="h" fact="0.84"/>
          <dgm:constr type="l" for="ch" forName="dummy1a" refType="w" fact="0.5087"/>
          <dgm:constr type="t" for="ch" forName="dummy1a" refType="h" fact="0.062"/>
          <dgm:constr type="l" for="ch" forName="dummy1b" refType="w" fact="0.837"/>
          <dgm:constr type="t" for="ch" forName="dummy1b" refType="h" fact="0.2201"/>
          <dgm:constr type="l" for="ch" forName="wedge1Tx" refType="w" fact="0.53"/>
          <dgm:constr type="t" for="ch" forName="wedge1Tx" refType="h" fact="0.14"/>
          <dgm:constr type="w" for="ch" forName="wedge1Tx" refType="w" fact="0.2"/>
          <dgm:constr type="h" for="ch" forName="wedge1Tx" refType="h" fact="0.16"/>
          <dgm:constr type="l" for="ch" forName="wedge2" refType="w" fact="0.0995"/>
          <dgm:constr type="t" for="ch" forName="wedge2" refType="w" fact="0.0755"/>
          <dgm:constr type="w" for="ch" forName="wedge2" refType="w" fact="0.84"/>
          <dgm:constr type="h" for="ch" forName="wedge2" refType="h" fact="0.84"/>
          <dgm:constr type="l" for="ch" forName="dummy2a" refType="w" fact="0.8479"/>
          <dgm:constr type="t" for="ch" forName="dummy2a" refType="h" fact="0.2337"/>
          <dgm:constr type="l" for="ch" forName="dummy2b" refType="w" fact="0.929"/>
          <dgm:constr type="t" for="ch" forName="dummy2b" refType="h" fact="0.589"/>
          <dgm:constr type="l" for="ch" forName="wedge2Tx" refType="w" fact="0.67"/>
          <dgm:constr type="t" for="ch" forName="wedge2Tx" refType="h" fact="0.38"/>
          <dgm:constr type="w" for="ch" forName="wedge2Tx" refType="w" fact="0.23"/>
          <dgm:constr type="h" for="ch" forName="wedge2Tx" refType="h" fact="0.14"/>
          <dgm:constr type="l" for="ch" forName="wedge3" refType="w" fact="0.0956"/>
          <dgm:constr type="t" for="ch" forName="wedge3" refType="w" fact="0.0925"/>
          <dgm:constr type="w" for="ch" forName="wedge3" refType="w" fact="0.84"/>
          <dgm:constr type="h" for="ch" forName="wedge3" refType="h" fact="0.84"/>
          <dgm:constr type="l" for="ch" forName="dummy3a" refType="w" fact="0.9251"/>
          <dgm:constr type="t" for="ch" forName="dummy3a" refType="h" fact="0.6059"/>
          <dgm:constr type="l" for="ch" forName="dummy3b" refType="w" fact="0.6979"/>
          <dgm:constr type="t" for="ch" forName="dummy3b" refType="h" fact="0.8909"/>
          <dgm:constr type="l" for="ch" forName="wedge3Tx" refType="w" fact="0.635"/>
          <dgm:constr type="t" for="ch" forName="wedge3Tx" refType="h" fact="0.59"/>
          <dgm:constr type="w" for="ch" forName="wedge3Tx" refType="w" fact="0.2"/>
          <dgm:constr type="h" for="ch" forName="wedge3Tx" refType="h" fact="0.155"/>
          <dgm:constr type="l" for="ch" forName="wedge4" refType="w" fact="0.08"/>
          <dgm:constr type="t" for="ch" forName="wedge4" refType="h" fact="0.1"/>
          <dgm:constr type="w" for="ch" forName="wedge4" refType="w" fact="0.84"/>
          <dgm:constr type="h" for="ch" forName="wedge4" refType="h" fact="0.84"/>
          <dgm:constr type="l" for="ch" forName="dummy4a" refType="w" fact="0.6822"/>
          <dgm:constr type="t" for="ch" forName="dummy4a" refType="h" fact="0.8984"/>
          <dgm:constr type="l" for="ch" forName="dummy4b" refType="w" fact="0.3178"/>
          <dgm:constr type="t" for="ch" forName="dummy4b" refType="h" fact="0.8984"/>
          <dgm:constr type="l" for="ch" forName="wedge4Tx" refType="w" fact="0.4025"/>
          <dgm:constr type="t" for="ch" forName="wedge4Tx" refType="h" fact="0.76"/>
          <dgm:constr type="w" for="ch" forName="wedge4Tx" refType="w" fact="0.195"/>
          <dgm:constr type="h" for="ch" forName="wedge4Tx" refType="h" fact="0.14"/>
          <dgm:constr type="l" for="ch" forName="wedge5" refType="w" fact="0.0644"/>
          <dgm:constr type="t" for="ch" forName="wedge5" refType="h" fact="0.0925"/>
          <dgm:constr type="w" for="ch" forName="wedge5" refType="w" fact="0.84"/>
          <dgm:constr type="h" for="ch" forName="wedge5" refType="h" fact="0.84"/>
          <dgm:constr type="l" for="ch" forName="dummy5a" refType="w" fact="0.3021"/>
          <dgm:constr type="t" for="ch" forName="dummy5a" refType="h" fact="0.8909"/>
          <dgm:constr type="l" for="ch" forName="dummy5b" refType="w" fact="0.0749"/>
          <dgm:constr type="t" for="ch" forName="dummy5b" refType="h" fact="0.6059"/>
          <dgm:constr type="r" for="ch" forName="wedge5Tx" refType="w" fact="0.365"/>
          <dgm:constr type="t" for="ch" forName="wedge5Tx" refType="h" fact="0.59"/>
          <dgm:constr type="w" for="ch" forName="wedge5Tx" refType="w" fact="0.2"/>
          <dgm:constr type="h" for="ch" forName="wedge5Tx" refType="h" fact="0.155"/>
          <dgm:constr type="l" for="ch" forName="wedge6" refType="w" fact="0.0605"/>
          <dgm:constr type="t" for="ch" forName="wedge6" refType="h" fact="0.0755"/>
          <dgm:constr type="w" for="ch" forName="wedge6" refType="w" fact="0.84"/>
          <dgm:constr type="h" for="ch" forName="wedge6" refType="h" fact="0.84"/>
          <dgm:constr type="l" for="ch" forName="dummy6a" refType="w" fact="0.071"/>
          <dgm:constr type="t" for="ch" forName="dummy6a" refType="h" fact="0.589"/>
          <dgm:constr type="l" for="ch" forName="dummy6b" refType="w" fact="0.1521"/>
          <dgm:constr type="t" for="ch" forName="dummy6b" refType="h" fact="0.2337"/>
          <dgm:constr type="r" for="ch" forName="wedge6Tx" refType="w" fact="0.33"/>
          <dgm:constr type="t" for="ch" forName="wedge6Tx" refType="h" fact="0.38"/>
          <dgm:constr type="w" for="ch" forName="wedge6Tx" refType="w" fact="0.23"/>
          <dgm:constr type="h" for="ch" forName="wedge6Tx" refType="h" fact="0.14"/>
          <dgm:constr type="l" for="ch" forName="wedge7" refType="w" fact="0.0713"/>
          <dgm:constr type="t" for="ch" forName="wedge7" refType="h" fact="0.062"/>
          <dgm:constr type="w" for="ch" forName="wedge7" refType="w" fact="0.84"/>
          <dgm:constr type="h" for="ch" forName="wedge7" refType="h" fact="0.84"/>
          <dgm:constr type="l" for="ch" forName="dummy7a" refType="w" fact="0.163"/>
          <dgm:constr type="t" for="ch" forName="dummy7a" refType="h" fact="0.2201"/>
          <dgm:constr type="l" for="ch" forName="dummy7b" refType="w" fact="0.4913"/>
          <dgm:constr type="t" for="ch" forName="dummy7b" refType="h" fact="0.062"/>
          <dgm:constr type="r" for="ch" forName="wedge7Tx" refType="w" fact="0.47"/>
          <dgm:constr type="t" for="ch" forName="wedge7Tx" refType="h" fact="0.14"/>
          <dgm:constr type="w" for="ch" forName="wedge7Tx" refType="w" fact="0.2"/>
          <dgm:constr type="h" for="ch" forName="wedge7Tx" refType="h" fact="0.16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h" for="ch" forName="arrowWedge7" refType="w" fact="0.08"/>
          <dgm:constr type="diam" for="ch" forName="arrowWedge7" refType="w" fact="0.84"/>
          <dgm:constr type="l" for="ch" forName="arrowWedge7" refType="w" fact="0.5"/>
          <dgm:constr type="t" for="ch" forName="arrowWedge7" refType="w" fact="0.5"/>
          <dgm:constr type="primFontSz" for="ch" ptType="node" op="equ"/>
        </dgm:constrLst>
      </dgm:else>
    </dgm:choose>
    <dgm:ruleLst/>
    <dgm:choose name="Name8">
      <dgm:if name="Name9" axis="ch" ptType="node" func="cnt" op="gte" val="1">
        <dgm:layoutNode name="wedge1">
          <dgm:alg type="sp"/>
          <dgm:choose name="Name10">
            <dgm:if name="Name11" axis="ch" ptType="node" func="cnt" op="equ" val="1">
              <dgm:shape xmlns:r="http://schemas.openxmlformats.org/officeDocument/2006/relationships" type="ellipse" r:blip="">
                <dgm:adjLst/>
              </dgm:shape>
            </dgm:if>
            <dgm:if name="Name12" axis="ch" ptType="node" func="cnt" op="equ" val="2">
              <dgm:shape xmlns:r="http://schemas.openxmlformats.org/officeDocument/2006/relationships" type="pie" r:blip="">
                <dgm:adjLst>
                  <dgm:adj idx="1" val="270"/>
                  <dgm:adj idx="2" val="90"/>
                </dgm:adjLst>
              </dgm:shape>
            </dgm:if>
            <dgm:if name="Name13" axis="ch" ptType="node" func="cnt" op="equ" val="3">
              <dgm:shape xmlns:r="http://schemas.openxmlformats.org/officeDocument/2006/relationships" type="pie" r:blip="">
                <dgm:adjLst>
                  <dgm:adj idx="1" val="270"/>
                  <dgm:adj idx="2" val="30"/>
                </dgm:adjLst>
              </dgm:shape>
            </dgm:if>
            <dgm:if name="Name14" axis="ch" ptType="node" func="cnt" op="equ" val="4">
              <dgm:shape xmlns:r="http://schemas.openxmlformats.org/officeDocument/2006/relationships" type="pie" r:blip="">
                <dgm:adjLst>
                  <dgm:adj idx="1" val="270"/>
                  <dgm:adj idx="2" val="0"/>
                </dgm:adjLst>
              </dgm:shape>
            </dgm:if>
            <dgm:if name="Name15" axis="ch" ptType="node" func="cnt" op="equ" val="5">
              <dgm:shape xmlns:r="http://schemas.openxmlformats.org/officeDocument/2006/relationships" type="pie" r:blip="">
                <dgm:adjLst>
                  <dgm:adj idx="1" val="270"/>
                  <dgm:adj idx="2" val="342"/>
                </dgm:adjLst>
              </dgm:shape>
            </dgm:if>
            <dgm:if name="Name16" axis="ch" ptType="node" func="cnt" op="equ" val="6">
              <dgm:shape xmlns:r="http://schemas.openxmlformats.org/officeDocument/2006/relationships" type="pie" r:blip="">
                <dgm:adjLst>
                  <dgm:adj idx="1" val="270"/>
                  <dgm:adj idx="2" val="330"/>
                </dgm:adjLst>
              </dgm:shape>
            </dgm:if>
            <dgm:else name="Name17">
              <dgm:shape xmlns:r="http://schemas.openxmlformats.org/officeDocument/2006/relationships" type="pie" r:blip="">
                <dgm:adjLst>
                  <dgm:adj idx="1" val="270"/>
                  <dgm:adj idx="2" val="321.4286"/>
                </dgm:adjLst>
              </dgm:shape>
            </dgm:else>
          </dgm:choose>
          <dgm:choose name="Name18">
            <dgm:if name="Name19" func="var" arg="dir" op="equ" val="norm">
              <dgm:presOf axis="ch desOrSelf" ptType="node node" st="1 1" cnt="1 0"/>
            </dgm:if>
            <dgm:else name="Name20">
              <dgm:choose name="Name21">
                <dgm:if name="Name22" axis="ch" ptType="node" func="cnt" op="equ" val="1">
                  <dgm:presOf axis="ch desOrSelf" ptType="node node" st="1 1" cnt="1 0"/>
                </dgm:if>
                <dgm:if name="Name23" axis="ch" ptType="node" func="cnt" op="equ" val="2">
                  <dgm:presOf axis="ch desOrSelf" ptType="node node" st="2 1" cnt="1 0"/>
                </dgm:if>
                <dgm:if name="Name24" axis="ch" ptType="node" func="cnt" op="equ" val="3">
                  <dgm:presOf axis="ch desOrSelf" ptType="node node" st="3 1" cnt="1 0"/>
                </dgm:if>
                <dgm:if name="Name25" axis="ch" ptType="node" func="cnt" op="equ" val="4">
                  <dgm:presOf axis="ch desOrSelf" ptType="node node" st="4 1" cnt="1 0"/>
                </dgm:if>
                <dgm:if name="Name26" axis="ch" ptType="node" func="cnt" op="equ" val="5">
                  <dgm:presOf axis="ch desOrSelf" ptType="node node" st="5 1" cnt="1 0"/>
                </dgm:if>
                <dgm:if name="Name27" axis="ch" ptType="node" func="cnt" op="equ" val="6">
                  <dgm:presOf axis="ch desOrSelf" ptType="node node" st="6 1" cnt="1 0"/>
                </dgm:if>
                <dgm:else name="Name28">
                  <dgm:presOf axis="ch desOrSelf" ptType="node node" st="7 1" cnt="1 0"/>
                </dgm:else>
              </dgm:choose>
            </dgm:else>
          </dgm:choose>
          <dgm:constrLst/>
          <dgm:ruleLst/>
        </dgm:layoutNode>
        <dgm:layoutNode name="dummy1a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1b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1Tx" moveWith="wedg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29">
            <dgm:if name="Name30" func="var" arg="dir" op="equ" val="norm">
              <dgm:presOf axis="ch desOrSelf" ptType="node node" st="1 1" cnt="1 0"/>
            </dgm:if>
            <dgm:else name="Name31">
              <dgm:choose name="Name32">
                <dgm:if name="Name33" axis="ch" ptType="node" func="cnt" op="equ" val="1">
                  <dgm:presOf axis="ch desOrSelf" ptType="node node" st="1 1" cnt="1 0"/>
                </dgm:if>
                <dgm:if name="Name34" axis="ch" ptType="node" func="cnt" op="equ" val="2">
                  <dgm:presOf axis="ch desOrSelf" ptType="node node" st="2 1" cnt="1 0"/>
                </dgm:if>
                <dgm:if name="Name35" axis="ch" ptType="node" func="cnt" op="equ" val="3">
                  <dgm:presOf axis="ch desOrSelf" ptType="node node" st="3 1" cnt="1 0"/>
                </dgm:if>
                <dgm:if name="Name36" axis="ch" ptType="node" func="cnt" op="equ" val="4">
                  <dgm:presOf axis="ch desOrSelf" ptType="node node" st="4 1" cnt="1 0"/>
                </dgm:if>
                <dgm:if name="Name37" axis="ch" ptType="node" func="cnt" op="equ" val="5">
                  <dgm:presOf axis="ch desOrSelf" ptType="node node" st="5 1" cnt="1 0"/>
                </dgm:if>
                <dgm:if name="Name38" axis="ch" ptType="node" func="cnt" op="equ" val="6">
                  <dgm:presOf axis="ch desOrSelf" ptType="node node" st="6 1" cnt="1 0"/>
                </dgm:if>
                <dgm:else name="Name39">
                  <dgm:presOf axis="ch desOrSelf" ptType="node node" st="7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40"/>
    </dgm:choose>
    <dgm:choose name="Name41">
      <dgm:if name="Name42" axis="ch" ptType="node" func="cnt" op="gte" val="2">
        <dgm:layoutNode name="wedge2">
          <dgm:alg type="sp"/>
          <dgm:choose name="Name43">
            <dgm:if name="Name44" axis="ch" ptType="node" func="cnt" op="equ" val="2">
              <dgm:shape xmlns:r="http://schemas.openxmlformats.org/officeDocument/2006/relationships" type="pie" r:blip="">
                <dgm:adjLst>
                  <dgm:adj idx="1" val="90"/>
                  <dgm:adj idx="2" val="270"/>
                </dgm:adjLst>
              </dgm:shape>
            </dgm:if>
            <dgm:if name="Name45" axis="ch" ptType="node" func="cnt" op="equ" val="3">
              <dgm:shape xmlns:r="http://schemas.openxmlformats.org/officeDocument/2006/relationships" type="pie" r:blip="">
                <dgm:adjLst>
                  <dgm:adj idx="1" val="30"/>
                  <dgm:adj idx="2" val="150"/>
                </dgm:adjLst>
              </dgm:shape>
            </dgm:if>
            <dgm:if name="Name46" axis="ch" ptType="node" func="cnt" op="equ" val="4">
              <dgm:shape xmlns:r="http://schemas.openxmlformats.org/officeDocument/2006/relationships" type="pie" r:blip="">
                <dgm:adjLst>
                  <dgm:adj idx="1" val="0"/>
                  <dgm:adj idx="2" val="90"/>
                </dgm:adjLst>
              </dgm:shape>
            </dgm:if>
            <dgm:if name="Name47" axis="ch" ptType="node" func="cnt" op="equ" val="5">
              <dgm:shape xmlns:r="http://schemas.openxmlformats.org/officeDocument/2006/relationships" type="pie" r:blip="">
                <dgm:adjLst>
                  <dgm:adj idx="1" val="342"/>
                  <dgm:adj idx="2" val="54"/>
                </dgm:adjLst>
              </dgm:shape>
            </dgm:if>
            <dgm:if name="Name48" axis="ch" ptType="node" func="cnt" op="equ" val="6">
              <dgm:shape xmlns:r="http://schemas.openxmlformats.org/officeDocument/2006/relationships" type="pie" r:blip="">
                <dgm:adjLst>
                  <dgm:adj idx="1" val="330"/>
                  <dgm:adj idx="2" val="30"/>
                </dgm:adjLst>
              </dgm:shape>
            </dgm:if>
            <dgm:else name="Name49">
              <dgm:shape xmlns:r="http://schemas.openxmlformats.org/officeDocument/2006/relationships" type="pie" r:blip="">
                <dgm:adjLst>
                  <dgm:adj idx="1" val="321.4286"/>
                  <dgm:adj idx="2" val="12.85714"/>
                </dgm:adjLst>
              </dgm:shape>
            </dgm:else>
          </dgm:choose>
          <dgm:choose name="Name50">
            <dgm:if name="Name51" func="var" arg="dir" op="equ" val="norm">
              <dgm:presOf axis="ch desOrSelf" ptType="node node" st="2 1" cnt="1 0"/>
            </dgm:if>
            <dgm:else name="Name52">
              <dgm:choose name="Name53">
                <dgm:if name="Name54" axis="ch" ptType="node" func="cnt" op="equ" val="2">
                  <dgm:presOf axis="ch desOrSelf" ptType="node node" st="1 1" cnt="1 0"/>
                </dgm:if>
                <dgm:if name="Name55" axis="ch" ptType="node" func="cnt" op="equ" val="3">
                  <dgm:presOf axis="ch desOrSelf" ptType="node node" st="2 1" cnt="1 0"/>
                </dgm:if>
                <dgm:if name="Name56" axis="ch" ptType="node" func="cnt" op="equ" val="4">
                  <dgm:presOf axis="ch desOrSelf" ptType="node node" st="3 1" cnt="1 0"/>
                </dgm:if>
                <dgm:if name="Name57" axis="ch" ptType="node" func="cnt" op="equ" val="5">
                  <dgm:presOf axis="ch desOrSelf" ptType="node node" st="4 1" cnt="1 0"/>
                </dgm:if>
                <dgm:if name="Name58" axis="ch" ptType="node" func="cnt" op="equ" val="6">
                  <dgm:presOf axis="ch desOrSelf" ptType="node node" st="5 1" cnt="1 0"/>
                </dgm:if>
                <dgm:else name="Name59">
                  <dgm:presOf axis="ch desOrSelf" ptType="node node" st="6 1" cnt="1 0"/>
                </dgm:else>
              </dgm:choose>
            </dgm:else>
          </dgm:choose>
          <dgm:constrLst/>
          <dgm:ruleLst/>
        </dgm:layoutNode>
        <dgm:layoutNode name="dummy2a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2b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2Tx" moveWith="wedge2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60">
            <dgm:if name="Name61" func="var" arg="dir" op="equ" val="norm">
              <dgm:presOf axis="ch desOrSelf" ptType="node node" st="2 1" cnt="1 0"/>
            </dgm:if>
            <dgm:else name="Name62">
              <dgm:choose name="Name63">
                <dgm:if name="Name64" axis="ch" ptType="node" func="cnt" op="equ" val="2">
                  <dgm:presOf axis="ch desOrSelf" ptType="node node" st="1 1" cnt="1 0"/>
                </dgm:if>
                <dgm:if name="Name65" axis="ch" ptType="node" func="cnt" op="equ" val="3">
                  <dgm:presOf axis="ch desOrSelf" ptType="node node" st="2 1" cnt="1 0"/>
                </dgm:if>
                <dgm:if name="Name66" axis="ch" ptType="node" func="cnt" op="equ" val="4">
                  <dgm:presOf axis="ch desOrSelf" ptType="node node" st="3 1" cnt="1 0"/>
                </dgm:if>
                <dgm:if name="Name67" axis="ch" ptType="node" func="cnt" op="equ" val="5">
                  <dgm:presOf axis="ch desOrSelf" ptType="node node" st="4 1" cnt="1 0"/>
                </dgm:if>
                <dgm:if name="Name68" axis="ch" ptType="node" func="cnt" op="equ" val="6">
                  <dgm:presOf axis="ch desOrSelf" ptType="node node" st="5 1" cnt="1 0"/>
                </dgm:if>
                <dgm:else name="Name69">
                  <dgm:presOf axis="ch desOrSelf" ptType="node node" st="6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70"/>
    </dgm:choose>
    <dgm:choose name="Name71">
      <dgm:if name="Name72" axis="ch" ptType="node" func="cnt" op="gte" val="3">
        <dgm:layoutNode name="wedge3">
          <dgm:alg type="sp"/>
          <dgm:choose name="Name73">
            <dgm:if name="Name74" axis="ch" ptType="node" func="cnt" op="equ" val="3">
              <dgm:shape xmlns:r="http://schemas.openxmlformats.org/officeDocument/2006/relationships" type="pie" r:blip="">
                <dgm:adjLst>
                  <dgm:adj idx="1" val="150"/>
                  <dgm:adj idx="2" val="270"/>
                </dgm:adjLst>
              </dgm:shape>
            </dgm:if>
            <dgm:if name="Name75" axis="ch" ptType="node" func="cnt" op="equ" val="4">
              <dgm:shape xmlns:r="http://schemas.openxmlformats.org/officeDocument/2006/relationships" type="pie" r:blip="">
                <dgm:adjLst>
                  <dgm:adj idx="1" val="90"/>
                  <dgm:adj idx="2" val="180"/>
                </dgm:adjLst>
              </dgm:shape>
            </dgm:if>
            <dgm:if name="Name76" axis="ch" ptType="node" func="cnt" op="equ" val="5">
              <dgm:shape xmlns:r="http://schemas.openxmlformats.org/officeDocument/2006/relationships" type="pie" r:blip="">
                <dgm:adjLst>
                  <dgm:adj idx="1" val="54"/>
                  <dgm:adj idx="2" val="126"/>
                </dgm:adjLst>
              </dgm:shape>
            </dgm:if>
            <dgm:if name="Name77" axis="ch" ptType="node" func="cnt" op="equ" val="6">
              <dgm:shape xmlns:r="http://schemas.openxmlformats.org/officeDocument/2006/relationships" type="pie" r:blip="">
                <dgm:adjLst>
                  <dgm:adj idx="1" val="30"/>
                  <dgm:adj idx="2" val="90"/>
                </dgm:adjLst>
              </dgm:shape>
            </dgm:if>
            <dgm:else name="Name78">
              <dgm:shape xmlns:r="http://schemas.openxmlformats.org/officeDocument/2006/relationships" type="pie" r:blip="">
                <dgm:adjLst>
                  <dgm:adj idx="1" val="12.85714"/>
                  <dgm:adj idx="2" val="64.28571"/>
                </dgm:adjLst>
              </dgm:shape>
            </dgm:else>
          </dgm:choose>
          <dgm:choose name="Name79">
            <dgm:if name="Name80" func="var" arg="dir" op="equ" val="norm">
              <dgm:presOf axis="ch desOrSelf" ptType="node node" st="3 1" cnt="1 0"/>
            </dgm:if>
            <dgm:else name="Name81">
              <dgm:choose name="Name82">
                <dgm:if name="Name83" axis="ch" ptType="node" func="cnt" op="equ" val="3">
                  <dgm:presOf axis="ch desOrSelf" ptType="node node" st="1 1" cnt="1 0"/>
                </dgm:if>
                <dgm:if name="Name84" axis="ch" ptType="node" func="cnt" op="equ" val="4">
                  <dgm:presOf axis="ch desOrSelf" ptType="node node" st="2 1" cnt="1 0"/>
                </dgm:if>
                <dgm:if name="Name85" axis="ch" ptType="node" func="cnt" op="equ" val="5">
                  <dgm:presOf axis="ch desOrSelf" ptType="node node" st="3 1" cnt="1 0"/>
                </dgm:if>
                <dgm:if name="Name86" axis="ch" ptType="node" func="cnt" op="equ" val="6">
                  <dgm:presOf axis="ch desOrSelf" ptType="node node" st="4 1" cnt="1 0"/>
                </dgm:if>
                <dgm:else name="Name87">
                  <dgm:presOf axis="ch desOrSelf" ptType="node node" st="5 1" cnt="1 0"/>
                </dgm:else>
              </dgm:choose>
            </dgm:else>
          </dgm:choose>
          <dgm:constrLst/>
          <dgm:ruleLst/>
        </dgm:layoutNode>
        <dgm:layoutNode name="dummy3a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3b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3Tx" moveWith="wedge3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88">
            <dgm:if name="Name89" func="var" arg="dir" op="equ" val="norm">
              <dgm:presOf axis="ch desOrSelf" ptType="node node" st="3 1" cnt="1 0"/>
            </dgm:if>
            <dgm:else name="Name90">
              <dgm:choose name="Name91">
                <dgm:if name="Name92" axis="ch" ptType="node" func="cnt" op="equ" val="3">
                  <dgm:presOf axis="ch desOrSelf" ptType="node node" st="1 1" cnt="1 0"/>
                </dgm:if>
                <dgm:if name="Name93" axis="ch" ptType="node" func="cnt" op="equ" val="4">
                  <dgm:presOf axis="ch desOrSelf" ptType="node node" st="2 1" cnt="1 0"/>
                </dgm:if>
                <dgm:if name="Name94" axis="ch" ptType="node" func="cnt" op="equ" val="5">
                  <dgm:presOf axis="ch desOrSelf" ptType="node node" st="3 1" cnt="1 0"/>
                </dgm:if>
                <dgm:if name="Name95" axis="ch" ptType="node" func="cnt" op="equ" val="6">
                  <dgm:presOf axis="ch desOrSelf" ptType="node node" st="4 1" cnt="1 0"/>
                </dgm:if>
                <dgm:else name="Name96">
                  <dgm:presOf axis="ch desOrSelf" ptType="node node" st="5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97"/>
    </dgm:choose>
    <dgm:choose name="Name98">
      <dgm:if name="Name99" axis="ch" ptType="node" func="cnt" op="gte" val="4">
        <dgm:layoutNode name="wedge4">
          <dgm:alg type="sp"/>
          <dgm:choose name="Name100">
            <dgm:if name="Name101" axis="ch" ptType="node" func="cnt" op="equ" val="4">
              <dgm:shape xmlns:r="http://schemas.openxmlformats.org/officeDocument/2006/relationships" type="pie" r:blip="">
                <dgm:adjLst>
                  <dgm:adj idx="1" val="180"/>
                  <dgm:adj idx="2" val="270"/>
                </dgm:adjLst>
              </dgm:shape>
            </dgm:if>
            <dgm:if name="Name102" axis="ch" ptType="node" func="cnt" op="equ" val="5">
              <dgm:shape xmlns:r="http://schemas.openxmlformats.org/officeDocument/2006/relationships" type="pie" r:blip="">
                <dgm:adjLst>
                  <dgm:adj idx="1" val="126"/>
                  <dgm:adj idx="2" val="198"/>
                </dgm:adjLst>
              </dgm:shape>
            </dgm:if>
            <dgm:if name="Name103" axis="ch" ptType="node" func="cnt" op="equ" val="6">
              <dgm:shape xmlns:r="http://schemas.openxmlformats.org/officeDocument/2006/relationships" type="pie" r:blip="">
                <dgm:adjLst>
                  <dgm:adj idx="1" val="90"/>
                  <dgm:adj idx="2" val="150"/>
                </dgm:adjLst>
              </dgm:shape>
            </dgm:if>
            <dgm:else name="Name104">
              <dgm:shape xmlns:r="http://schemas.openxmlformats.org/officeDocument/2006/relationships" type="pie" r:blip="">
                <dgm:adjLst>
                  <dgm:adj idx="1" val="64.2871"/>
                  <dgm:adj idx="2" val="115.7143"/>
                </dgm:adjLst>
              </dgm:shape>
            </dgm:else>
          </dgm:choose>
          <dgm:choose name="Name105">
            <dgm:if name="Name106" func="var" arg="dir" op="equ" val="norm">
              <dgm:presOf axis="ch desOrSelf" ptType="node node" st="4 1" cnt="1 0"/>
            </dgm:if>
            <dgm:else name="Name107">
              <dgm:choose name="Name108">
                <dgm:if name="Name109" axis="ch" ptType="node" func="cnt" op="equ" val="4">
                  <dgm:presOf axis="ch desOrSelf" ptType="node node" st="1 1" cnt="1 0"/>
                </dgm:if>
                <dgm:if name="Name110" axis="ch" ptType="node" func="cnt" op="equ" val="5">
                  <dgm:presOf axis="ch desOrSelf" ptType="node node" st="2 1" cnt="1 0"/>
                </dgm:if>
                <dgm:if name="Name111" axis="ch" ptType="node" func="cnt" op="equ" val="6">
                  <dgm:presOf axis="ch desOrSelf" ptType="node node" st="3 1" cnt="1 0"/>
                </dgm:if>
                <dgm:else name="Name112">
                  <dgm:presOf axis="ch desOrSelf" ptType="node node" st="4 1" cnt="1 0"/>
                </dgm:else>
              </dgm:choose>
            </dgm:else>
          </dgm:choose>
          <dgm:constrLst/>
          <dgm:ruleLst/>
        </dgm:layoutNode>
        <dgm:layoutNode name="dummy4a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4b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4Tx" moveWith="wedge4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13">
            <dgm:if name="Name114" func="var" arg="dir" op="equ" val="norm">
              <dgm:presOf axis="ch desOrSelf" ptType="node node" st="4 1" cnt="1 0"/>
            </dgm:if>
            <dgm:else name="Name115">
              <dgm:choose name="Name116">
                <dgm:if name="Name117" axis="ch" ptType="node" func="cnt" op="equ" val="4">
                  <dgm:presOf axis="ch desOrSelf" ptType="node node" st="1 1" cnt="1 0"/>
                </dgm:if>
                <dgm:if name="Name118" axis="ch" ptType="node" func="cnt" op="equ" val="5">
                  <dgm:presOf axis="ch desOrSelf" ptType="node node" st="2 1" cnt="1 0"/>
                </dgm:if>
                <dgm:if name="Name119" axis="ch" ptType="node" func="cnt" op="equ" val="6">
                  <dgm:presOf axis="ch desOrSelf" ptType="node node" st="3 1" cnt="1 0"/>
                </dgm:if>
                <dgm:else name="Name120">
                  <dgm:presOf axis="ch desOrSelf" ptType="node node" st="4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21"/>
    </dgm:choose>
    <dgm:choose name="Name122">
      <dgm:if name="Name123" axis="ch" ptType="node" func="cnt" op="gte" val="5">
        <dgm:layoutNode name="wedge5">
          <dgm:alg type="sp"/>
          <dgm:choose name="Name124">
            <dgm:if name="Name125" axis="ch" ptType="node" func="cnt" op="equ" val="5">
              <dgm:shape xmlns:r="http://schemas.openxmlformats.org/officeDocument/2006/relationships" type="pie" r:blip="">
                <dgm:adjLst>
                  <dgm:adj idx="1" val="198"/>
                  <dgm:adj idx="2" val="270"/>
                </dgm:adjLst>
              </dgm:shape>
            </dgm:if>
            <dgm:if name="Name126" axis="ch" ptType="node" func="cnt" op="equ" val="6">
              <dgm:shape xmlns:r="http://schemas.openxmlformats.org/officeDocument/2006/relationships" type="pie" r:blip="">
                <dgm:adjLst>
                  <dgm:adj idx="1" val="150"/>
                  <dgm:adj idx="2" val="210"/>
                </dgm:adjLst>
              </dgm:shape>
            </dgm:if>
            <dgm:else name="Name127">
              <dgm:shape xmlns:r="http://schemas.openxmlformats.org/officeDocument/2006/relationships" type="pie" r:blip="">
                <dgm:adjLst>
                  <dgm:adj idx="1" val="115.7143"/>
                  <dgm:adj idx="2" val="167.1429"/>
                </dgm:adjLst>
              </dgm:shape>
            </dgm:else>
          </dgm:choose>
          <dgm:choose name="Name128">
            <dgm:if name="Name129" func="var" arg="dir" op="equ" val="norm">
              <dgm:presOf axis="ch desOrSelf" ptType="node node" st="5 1" cnt="1 0"/>
            </dgm:if>
            <dgm:else name="Name130">
              <dgm:choose name="Name131">
                <dgm:if name="Name132" axis="ch" ptType="node" func="cnt" op="equ" val="5">
                  <dgm:presOf axis="ch desOrSelf" ptType="node node" st="1 1" cnt="1 0"/>
                </dgm:if>
                <dgm:if name="Name133" axis="ch" ptType="node" func="cnt" op="equ" val="6">
                  <dgm:presOf axis="ch desOrSelf" ptType="node node" st="2 1" cnt="1 0"/>
                </dgm:if>
                <dgm:else name="Name134">
                  <dgm:presOf axis="ch desOrSelf" ptType="node node" st="3 1" cnt="1 0"/>
                </dgm:else>
              </dgm:choose>
            </dgm:else>
          </dgm:choose>
          <dgm:constrLst/>
          <dgm:ruleLst/>
        </dgm:layoutNode>
        <dgm:layoutNode name="dummy5a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5b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5Tx" moveWith="wedge5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35">
            <dgm:if name="Name136" func="var" arg="dir" op="equ" val="norm">
              <dgm:presOf axis="ch desOrSelf" ptType="node node" st="5 1" cnt="1 0"/>
            </dgm:if>
            <dgm:else name="Name137">
              <dgm:choose name="Name138">
                <dgm:if name="Name139" axis="ch" ptType="node" func="cnt" op="equ" val="5">
                  <dgm:presOf axis="ch desOrSelf" ptType="node node" st="1 1" cnt="1 0"/>
                </dgm:if>
                <dgm:if name="Name140" axis="ch" ptType="node" func="cnt" op="equ" val="6">
                  <dgm:presOf axis="ch desOrSelf" ptType="node node" st="2 1" cnt="1 0"/>
                </dgm:if>
                <dgm:else name="Name141">
                  <dgm:presOf axis="ch desOrSelf" ptType="node node" st="3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42"/>
    </dgm:choose>
    <dgm:choose name="Name143">
      <dgm:if name="Name144" axis="ch" ptType="node" func="cnt" op="gte" val="6">
        <dgm:layoutNode name="wedge6">
          <dgm:alg type="sp"/>
          <dgm:choose name="Name145">
            <dgm:if name="Name146" axis="ch" ptType="node" func="cnt" op="equ" val="6">
              <dgm:shape xmlns:r="http://schemas.openxmlformats.org/officeDocument/2006/relationships" type="pie" r:blip="">
                <dgm:adjLst>
                  <dgm:adj idx="1" val="210"/>
                  <dgm:adj idx="2" val="270"/>
                </dgm:adjLst>
              </dgm:shape>
            </dgm:if>
            <dgm:else name="Name147">
              <dgm:shape xmlns:r="http://schemas.openxmlformats.org/officeDocument/2006/relationships" type="pie" r:blip="">
                <dgm:adjLst>
                  <dgm:adj idx="1" val="167.1429"/>
                  <dgm:adj idx="2" val="218.5714"/>
                </dgm:adjLst>
              </dgm:shape>
            </dgm:else>
          </dgm:choose>
          <dgm:choose name="Name148">
            <dgm:if name="Name149" func="var" arg="dir" op="equ" val="norm">
              <dgm:presOf axis="ch desOrSelf" ptType="node node" st="6 1" cnt="1 0"/>
            </dgm:if>
            <dgm:else name="Name150">
              <dgm:choose name="Name151">
                <dgm:if name="Name152" axis="ch" ptType="node" func="cnt" op="equ" val="6">
                  <dgm:presOf axis="ch desOrSelf" ptType="node node" st="1 1" cnt="1 0"/>
                </dgm:if>
                <dgm:else name="Name153">
                  <dgm:presOf axis="ch desOrSelf" ptType="node node" st="2 1" cnt="1 0"/>
                </dgm:else>
              </dgm:choose>
            </dgm:else>
          </dgm:choose>
          <dgm:constrLst/>
          <dgm:ruleLst/>
        </dgm:layoutNode>
        <dgm:layoutNode name="dummy6a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6b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6Tx" moveWith="wedge6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54">
            <dgm:if name="Name155" func="var" arg="dir" op="equ" val="norm">
              <dgm:presOf axis="ch desOrSelf" ptType="node node" st="6 1" cnt="1 0"/>
            </dgm:if>
            <dgm:else name="Name156">
              <dgm:choose name="Name157">
                <dgm:if name="Name158" axis="ch" ptType="node" func="cnt" op="equ" val="6">
                  <dgm:presOf axis="ch desOrSelf" ptType="node node" st="1 1" cnt="1 0"/>
                </dgm:if>
                <dgm:else name="Name159">
                  <dgm:presOf axis="ch desOrSelf" ptType="node node" st="2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0"/>
    </dgm:choose>
    <dgm:choose name="Name161">
      <dgm:if name="Name162" axis="ch" ptType="node" func="cnt" op="gte" val="7">
        <dgm:layoutNode name="wedge7">
          <dgm:alg type="sp"/>
          <dgm:shape xmlns:r="http://schemas.openxmlformats.org/officeDocument/2006/relationships" type="pie" r:blip="">
            <dgm:adjLst>
              <dgm:adj idx="1" val="218.5714"/>
              <dgm:adj idx="2" val="270"/>
            </dgm:adjLst>
          </dgm:shape>
          <dgm:choose name="Name163">
            <dgm:if name="Name164" func="var" arg="dir" op="equ" val="norm">
              <dgm:presOf axis="ch desOrSelf" ptType="node node" st="7 1" cnt="1 0"/>
            </dgm:if>
            <dgm:else name="Name165">
              <dgm:presOf axis="ch desOrSelf" ptType="node node" st="1 1" cnt="1 0"/>
            </dgm:else>
          </dgm:choose>
          <dgm:constrLst/>
          <dgm:ruleLst/>
        </dgm:layoutNode>
        <dgm:layoutNode name="dummy7a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7b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7Tx" moveWith="wedge7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66">
            <dgm:if name="Name167" func="var" arg="dir" op="equ" val="norm">
              <dgm:presOf axis="ch desOrSelf" ptType="node node" st="7 1" cnt="1 0"/>
            </dgm:if>
            <dgm:else name="Name168">
              <dgm:presOf axis="ch desOrSelf" ptType="node node" st="1 1" cnt="1 0"/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9"/>
    </dgm:choose>
    <dgm:choose name="Name170">
      <dgm:if name="Name171" axis="ch" ptType="node" func="cnt" op="equ" val="1">
        <dgm:forEach name="Name172" axis="ch" ptType="sibTrans" hideLastTrans="0" cnt="1">
          <dgm:layoutNode name="arrowWedge1single" styleLbl="fgSibTrans2D1">
            <dgm:choose name="Name173">
              <dgm:if name="Name174" func="var" arg="dir" op="equ" val="norm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arr"/>
                  <dgm:param type="endSty" val="noArr"/>
                </dgm:alg>
              </dgm:if>
              <dgm:else name="Name175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noArr"/>
                  <dgm:param type="endSty" val="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if name="Name176" axis="ch" ptType="node" func="cnt" op="gte" val="2">
        <dgm:forEach name="Name177" axis="ch" ptType="sibTrans" hideLastTrans="0" cnt="1">
          <dgm:layoutNode name="arrowWedge1" styleLbl="fgSibTrans2D1">
            <dgm:choose name="Name178">
              <dgm:if name="Name179" func="var" arg="dir" op="equ" val="norm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noArr"/>
                  <dgm:param type="endSty" val="arr"/>
                </dgm:alg>
              </dgm:if>
              <dgm:else name="Name180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arr"/>
                  <dgm:param type="endSty" val="no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else name="Name181"/>
    </dgm:choose>
    <dgm:forEach name="Name182" axis="ch" ptType="sibTrans" hideLastTrans="0" st="2" cnt="1">
      <dgm:layoutNode name="arrowWedge2" styleLbl="fgSibTrans2D1">
        <dgm:choose name="Name183">
          <dgm:if name="Name184" func="var" arg="dir" op="equ" val="norm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5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86" axis="ch" ptType="sibTrans" hideLastTrans="0" st="3" cnt="1">
      <dgm:layoutNode name="arrowWedge3" styleLbl="fgSibTrans2D1">
        <dgm:choose name="Name187">
          <dgm:if name="Name188" func="var" arg="dir" op="equ" val="norm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9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0" axis="ch" ptType="sibTrans" hideLastTrans="0" st="4" cnt="1">
      <dgm:layoutNode name="arrowWedge4" styleLbl="fgSibTrans2D1">
        <dgm:choose name="Name191">
          <dgm:if name="Name192" func="var" arg="dir" op="equ" val="norm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3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4" axis="ch" ptType="sibTrans" hideLastTrans="0" st="5" cnt="1">
      <dgm:layoutNode name="arrowWedge5" styleLbl="fgSibTrans2D1">
        <dgm:choose name="Name195">
          <dgm:if name="Name196" func="var" arg="dir" op="equ" val="norm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7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8" axis="ch" ptType="sibTrans" hideLastTrans="0" st="6" cnt="1">
      <dgm:layoutNode name="arrowWedge6" styleLbl="fgSibTrans2D1">
        <dgm:choose name="Name199">
          <dgm:if name="Name200" func="var" arg="dir" op="equ" val="norm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1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202" axis="ch" ptType="sibTrans" hideLastTrans="0" st="7" cnt="1">
      <dgm:layoutNode name="arrowWedge7" styleLbl="fgSibTrans2D1">
        <dgm:choose name="Name203">
          <dgm:if name="Name204" func="var" arg="dir" op="equ" val="norm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5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729D126-2409-609C-6DF6-5942DF33913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03B04F5-016B-B3EC-FF4C-8BDF0716E1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4B65AFC-6DD2-0640-FD71-872A788928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552A1755-1929-61B9-DE00-E247DD8317F1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3CC004A-FC3C-FC04-C9E8-57575B25B18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7962C7C-BEEE-0739-D91C-5ADFEA7EF89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1AACDEC-13B4-FDCE-78DF-ED0DF011DCF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1546236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553041-CF9F-7A70-F780-ED5AD745C2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93D61B0-8C8C-5DA3-4F9B-B428D68F6F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944C9C2-6777-E62A-0B24-1298588704B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Without any one of the 3 the system fails.  Most people get the technology, some get the standards, few layer on the leadership to drive action.</a:t>
            </a: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37A8449D-6327-B11C-C28B-E661E21FFC5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6894BC-DE09-5D91-B85C-2B8F61303CD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19A6E53-D885-33E7-0A45-9CF47BD1775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59D198-93AF-7248-E0D5-8C40AAD2152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465239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ECF1212-426D-9363-0CAE-BBB44B8079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A932142-C91C-CC99-1423-5886EB7084A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B4E1CC-BD9B-3768-DDD5-15E9270580A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1100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D50AAC-E21C-8FD8-C650-5068B022BC1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13EE0D26-57F7-034D-A152-6365A2532C6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ptos" panose="021100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896939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788255-AB68-6733-3479-5CC08E9991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DEC74C8-B7EA-E741-65EA-DB79CA76F0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ABF98D-AF73-76E1-5A47-BC1FBECF9D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E49C637E-42C6-6084-4B36-E39FE106E1B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CAEB0BA-6A20-D6D2-404D-711699AF861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A502014-46FC-A4FB-9207-52E6EA62AA80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4068B67-B5C5-FDF6-CF66-10F2D851EA9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41279200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3FA4C0-1A1B-BF77-03E3-30E139DDF9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BA8076-AA38-7914-9B00-66129636D5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E80EAE4-6759-0144-0924-90CF0D722D4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Most companies have a map…very few have a compass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37F97A53-9E14-A0E2-457C-ECFBF73CF1E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8B2A7DA-D7E4-DA25-37A5-FD797C0D010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2BABD33-0CA3-5D7F-320B-82B29A0A8531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66538A4-9F64-4550-2ED1-2EDC3FE4C3F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1910647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368B798-2DA6-28E0-5400-3AF3D2E8DE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14D8B32-DF42-FCDA-7BFE-2BFD3CF5AE0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A70C516-AB40-69B7-2B85-2518BD1DEE8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this is where most people lean in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432FE10-70F7-1CE8-04C7-D9E6E66DD269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68CD627-C69C-442D-F354-22A5B98D7692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530CEED-B676-D8B0-585A-098EA85C0E8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C66A04C-D487-FF9A-2BF5-E037A1BBAC4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6574105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A15817-2709-ECC6-B04F-AE33A6F374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F8FC259-7932-7454-4352-4E2C599BD37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6D7BC6E-01AC-41B6-3AC2-A8332EBD349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This should feel familiar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BFD0579F-F09D-CFF0-1C0B-44E78E4155B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8C35E9-D493-ECDD-C212-575BF9E5084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9DC0281-80B8-D983-4492-07FF3DED5DE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D3CDA10-6457-E33F-1494-04D822AE94F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5481433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11C5B69-73E9-C34A-51CF-5C81F2710C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2E37215-E967-A6C7-12A1-6144B8CBCE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08D83AB-946E-4CD4-3224-7012897B50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1100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085C5E-F55E-84DE-42C5-522ABB04A0D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13EE0D26-57F7-034D-A152-6365A2532C6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ptos" panose="021100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8886839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B53CF7-682C-BE0F-F7E9-0D217E131B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1D0640D-32CD-EBBE-8CA0-2B6C52FF4B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A62407-3143-7589-F1A1-C14E0049EE5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Tie this to examples – LT Apparel.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74557F60-098B-6A79-01CD-5406BFBB10E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0E6FA6-73ED-9FA9-43A9-2A54699AF70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A4D901E-CB82-D195-6156-BCC5717C129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531D921-D158-266B-BA51-B8192B6FA6E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08726513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BA5DD1-39E3-28B4-F5C9-72894CA422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733F5DF-1D38-ABAF-E8E0-10C03BB3EE9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22CA65-310A-2F54-B6C2-8D8FAB3C46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This is the shift we’re trying to make.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D7288EAE-329B-44A1-D976-CC4BC7D7F49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BE71FEB-5B56-C6BC-2094-52F97F36E8E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2825BDC-B6EA-B8B6-81BD-55DA4AA5B1B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DFB8B7A-C0E8-6154-75BD-50757784DD3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60236569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4FF07C-6EFA-E271-C2DB-4AC8B0AFB5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A7F2769-E81D-B982-5D24-5A87CAE241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E4E528A-38D2-43D5-988A-7967E21DDC5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C6562CD0-3D27-7D69-6F9D-CC4CC086120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9AAD11-34D2-B7A3-3D24-B5F1B051F7D2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9C3F7C9-AB12-C864-E7EE-AD28848FF65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1C752F2-881B-6A98-809C-C40A2298408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2216669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D267D6-F6A4-0E05-B0E5-7F848FC534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12435AC-986C-28FC-8065-7A0B733DD75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A7DE51A-3381-28DF-3C0E-D29FAD75A6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/>
              <a:t>"Good morning, everyone. I’m Dean Jackson, VP of Strategic Partnerships and Enablement at </a:t>
            </a:r>
            <a:r>
              <a:rPr lang="en-US" sz="1800" dirty="0" err="1"/>
              <a:t>Mygo</a:t>
            </a:r>
            <a:r>
              <a:rPr lang="en-US" sz="1800" dirty="0"/>
              <a:t> Consulting. Welcome to the Frontline Technology Summit. Today, we're tackling a massive shift in our industry, and specifically, the IT leader's role in it.”</a:t>
            </a:r>
          </a:p>
          <a:p>
            <a:endParaRPr lang="en-US" sz="1800" dirty="0"/>
          </a:p>
          <a:p>
            <a:pPr marL="285750" marR="0" lvl="0" indent="-28575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Our focus today is Supply Chain Orchestration &amp; AI. </a:t>
            </a:r>
          </a:p>
          <a:p>
            <a:pPr marL="285750" marR="0" lvl="0" indent="-28575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Business users are currently hyper-focused on basic, consumer-grade chatbots. Our job in IT is to guide our organizations beyond that. We need to show them how to build closed-source, enterprise-integrated AI systems. We want to leverage live warehouse data to autonomously orchestrate operations and proactively resolve bottlenecks."</a:t>
            </a:r>
            <a:endParaRPr lang="en-US" sz="2400" dirty="0"/>
          </a:p>
          <a:p>
            <a:endParaRPr lang="en-US" sz="1800" dirty="0"/>
          </a:p>
          <a:p>
            <a:endParaRPr lang="en-US" sz="24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en-DE" sz="24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F1C89E7-218F-C371-6B8E-E422A008DD2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39355C-347E-5885-22C6-9DB0E288F01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ABC358F-908E-221D-AFD7-ACAA74972E3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8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53C805-829C-8B49-2FEE-27C4FC28B64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0400577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EA84FE2-80D6-A84C-E8ED-50C52292D6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8B2A4D2-7C5E-660E-8E36-83F968FF763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DC245D5-75F5-3325-9337-E23F05BDAEE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EC0AFEDD-0418-A39B-B1A2-35C087261E27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5B727E2-F8BA-BF59-FCB1-94ED42E64C1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6592B68-1D83-5485-65D0-F2121C18843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784BB17-D9C1-2CBC-2769-6344880E5FB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1288709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5002DC-4577-A7BA-C327-530982D8A6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5BCA909-0531-EC78-4FB7-C9B9497AB11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3C18E85-ADEE-4B25-325C-D1D1B840EA8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Focus on behavior + system, not tools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6A6D67A2-8D99-9BE4-016D-221D898B320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DC71-EF27-0A4D-83C8-076F6978EB6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AB54B5B-9FAA-B08F-B7B6-CAAF45D8B19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E7041CB-C41E-1615-961E-4A32E3AF1B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12411373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192318-58FB-04AC-1C64-9606521ECB0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E52BE1D-517A-FBB8-95F2-726A1667E02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FCAE3AE-14FC-6D40-9205-E536649E09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Sites that embraced the system realized results.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CDF760AF-6333-00BD-D0BC-5A3237D0C87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D9B886-2160-05C7-E78F-50E80918877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BAD3A2C-DFF5-7B29-368C-3AB3C22A0A3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DEACD78-B157-B154-4E9D-A6861D81F87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05282621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02248C1-0985-189C-4D37-5CB46B891D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740DB0-D09F-E0E8-7BD2-29C02B7EBB0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16DD5B8-849F-2BB3-BD13-7A4FFC876BB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Sites that embraced the system realized results.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CF04BC0D-2F51-9140-EF3F-19438F4DF67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177A09-E9BC-BDD5-8CC4-6B624110B12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0ED8D3C-5B51-A0A3-B1A0-DE238A04EFF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B4B2A14-116B-D8F6-48C6-029211CD0DA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54925551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65F6DC-68E9-E8FD-6FA1-6F5E804D77D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1F6FCA9-EA8C-F3C6-E079-8D43239654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68826EB-69ED-8E4B-9AD1-0998CF69FF9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7F7B8F43-00E9-DC84-238F-5482F5A4872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056E2D6-538A-DF3F-59DF-83E76C8F9F3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7B8E611-7F97-B353-EF0A-0CC52C3200C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5423821-46AE-C2B3-0A79-03156B29E81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4787798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D4FA03B-FA6E-7B2D-C14A-AD19A380BC0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0DCACE7-6560-36AE-3565-75645FCCBC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65044D-6CC1-03D1-ED93-884A25B32D0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FBEE83B-6365-3AE5-994D-6D963A2186E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13610FA-B794-6DF6-8AB1-61D794E74609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08BC804-C5A1-2FEB-9919-94811DB75A6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4C5A35-D4CA-6193-ECEB-2ADC96F209A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2091144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D267D6-F6A4-0E05-B0E5-7F848FC534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12435AC-986C-28FC-8065-7A0B733DD75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A7DE51A-3381-28DF-3C0E-D29FAD75A6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F1C89E7-218F-C371-6B8E-E422A008DD2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39355C-347E-5885-22C6-9DB0E288F01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ABC358F-908E-221D-AFD7-ACAA74972E3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53C805-829C-8B49-2FEE-27C4FC28B64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040057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AEE2A9-2D1B-A379-6626-5F6257999B8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8BD21-7F8F-4A68-C6AB-981FFCF4E9E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DE85D1-A47A-A3FC-5395-B5FB8956C29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800" b="0" kern="100">
              <a:latin typeface="72 Brand" panose="020B0504030603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DEED9B-ECDB-3A30-E5D7-354CAD545DD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676436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8D1A4A-3AD6-6F21-52DF-EF725B86201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50D6AFA-7CC2-0C41-CDE7-1C5E3030C06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7A1D60-89A2-25FD-E9CA-C957BBD6C5A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dirty="0"/>
              <a:t>“If I do this right, you’ll leave with something you can actually use next week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9CD16202-ECCB-95DA-5C41-3BFDA2DEBF81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09812C6-986C-2279-8AF4-7F87CDE5120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2E2CD0-974C-F528-74C6-773CC104FDC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7A1727C-BFF3-90B5-9BD7-BBF952BAD1A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9467800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AEF96A-7AB3-796D-F7C8-D43E540094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55B8CAC-7C51-E893-BDCC-51B3031D15E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F86F74B-F26B-906E-19D1-F58D5D4CBFD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dirty="0"/>
              <a:t>“Most Organizations don’t have a technology gap – they have a connection gap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08C50BE5-622A-9DE8-2473-90C99CF92F5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0330274-CEAC-8AA7-E0AA-479DDC297F3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7F8E89-F6A8-3763-7431-D4FE28C27C48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2850194-2F4A-B65B-8F0F-5739A25C06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9957408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7EB05-F0F3-2BCE-F6EC-CDFC606AF55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EC4F7B6-E4C9-29A3-3AC0-C9E0BCB6316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F516A7B-8926-FA1D-965C-23522B3D832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dirty="0"/>
              <a:t>“Most Organizations don’t have a technology gap – they have a connection gap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74AE28C5-F0F9-095D-7ECB-08BAA6F400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788168-1A82-633C-DBCE-95FE1F6727C2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C043A52-E565-6313-2323-A1B17B7CDAC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76B0770-5E8E-D6C7-A92B-6A8BB785D0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991196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6964589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CD302A-F35E-55E9-2423-231E2C7FA2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0695D90-72CE-444B-CA03-57D45086279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67687CA-60B1-655F-B721-97E5E762FDF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This is your Labor Management philosophy and what everything should align to and support”</a:t>
            </a:r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12DD4C3F-A3B7-F777-FABF-407BB2CFCEC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575C02D-399D-3F5A-2384-CCA1B459E1B2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F4A4ABB-6CEF-7B58-0D4C-DDFC24C30E4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661FC26-A001-85DE-F299-478607A6C0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0424739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EEBFB5-F04C-5FF9-D675-82A605FF78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8F192E-3F29-0E9B-CD4E-AA1E0029165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B9C6869-6036-C78D-3BB6-91A57E19C20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dirty="0"/>
              <a:t>“Most companies have a map…very few have a compass - 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Without both, direction is lost and performance suffers”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800" dirty="0"/>
          </a:p>
          <a:p>
            <a:pPr marL="0" lvl="0" indent="0">
              <a:buFont typeface="Arial" panose="020B0604020202020204" pitchFamily="34" charset="0"/>
              <a:buNone/>
            </a:pPr>
            <a:endParaRPr lang="en-DE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18498A99-0094-9456-0635-649561CE79D1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4A641FF-2F26-3630-5BD0-080648BA363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E00B30B-CF13-80DF-472A-0940BAF43FA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27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D880F59-C925-6875-A73C-F0302C39272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1286264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lid_Bg_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614A575-F2C8-B195-6643-9C96DA44B76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EC38386A-9AA4-D8D2-F0DA-2AFCF362CACF}"/>
              </a:ext>
            </a:extLst>
          </p:cNvPr>
          <p:cNvSpPr txBox="1">
            <a:spLocks/>
          </p:cNvSpPr>
          <p:nvPr userDrawn="1"/>
        </p:nvSpPr>
        <p:spPr>
          <a:xfrm>
            <a:off x="239482" y="6660692"/>
            <a:ext cx="2157321" cy="92333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spAutoFit/>
          </a:bodyPr>
          <a:lstStyle>
            <a:defPPr>
              <a:defRPr lang="en-US"/>
            </a:defPPr>
            <a:lvl1pPr marL="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FDB913"/>
              </a:buClr>
              <a:buSzPct val="100000"/>
              <a:buFont typeface="wingdings"/>
              <a:buChar char="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Wingdings"/>
              <a:buChar char="n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6pPr>
            <a:lvl7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8pPr>
            <a:lvl9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9pPr>
          </a:lstStyle>
          <a:p>
            <a:pPr marL="84121" marR="0" lvl="0" indent="-84121" algn="r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itchFamily="34" charset="0"/>
              <a:buChar char="©"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2026 </a:t>
            </a:r>
            <a:r>
              <a:rPr kumimoji="0" lang="en-US" sz="600" b="0" i="0" u="none" strike="noStrike" kern="1200" cap="none" spc="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Mygo</a:t>
            </a: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 Consulting, Inc. &amp; affiliate company. All rights reserved. </a:t>
            </a:r>
            <a:endParaRPr kumimoji="0" lang="en-US" sz="600" b="0" i="0" u="none" strike="noStrike" kern="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Arial Unicode MS"/>
              <a:cs typeface="Arial Unicode MS" pitchFamily="34" charset="-128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2338710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lid_Bg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EA5304D-9C5E-021A-723A-6D7A7873E9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CFD2244-7021-0898-1A2B-FC4C95FC25F7}"/>
              </a:ext>
            </a:extLst>
          </p:cNvPr>
          <p:cNvSpPr txBox="1">
            <a:spLocks/>
          </p:cNvSpPr>
          <p:nvPr userDrawn="1"/>
        </p:nvSpPr>
        <p:spPr>
          <a:xfrm>
            <a:off x="239482" y="6660692"/>
            <a:ext cx="2157321" cy="92333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spAutoFit/>
          </a:bodyPr>
          <a:lstStyle>
            <a:defPPr>
              <a:defRPr lang="en-US"/>
            </a:defPPr>
            <a:lvl1pPr marL="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FDB913"/>
              </a:buClr>
              <a:buSzPct val="100000"/>
              <a:buFont typeface="wingdings"/>
              <a:buChar char="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Wingdings"/>
              <a:buChar char="n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6pPr>
            <a:lvl7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8pPr>
            <a:lvl9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9pPr>
          </a:lstStyle>
          <a:p>
            <a:pPr marL="84121" marR="0" lvl="0" indent="-84121" algn="r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itchFamily="34" charset="0"/>
              <a:buChar char="©"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2026 </a:t>
            </a:r>
            <a:r>
              <a:rPr kumimoji="0" lang="en-US" sz="600" b="0" i="0" u="none" strike="noStrike" kern="1200" cap="none" spc="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Mygo</a:t>
            </a: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 Consulting, Inc. &amp; affiliate company. All rights reserved. </a:t>
            </a:r>
            <a:endParaRPr kumimoji="0" lang="en-US" sz="600" b="0" i="0" u="none" strike="noStrike" kern="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Arial Unicode MS"/>
              <a:cs typeface="Arial Unicode MS" pitchFamily="34" charset="-128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92400726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B171CE4-068C-B4EB-6E6C-66EB84326A4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F06BF932-45D7-3866-3B18-08E378FF9CE3}"/>
              </a:ext>
            </a:extLst>
          </p:cNvPr>
          <p:cNvSpPr txBox="1">
            <a:spLocks/>
          </p:cNvSpPr>
          <p:nvPr userDrawn="1"/>
        </p:nvSpPr>
        <p:spPr>
          <a:xfrm>
            <a:off x="239482" y="6660692"/>
            <a:ext cx="2157321" cy="92333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spAutoFit/>
          </a:bodyPr>
          <a:lstStyle>
            <a:defPPr>
              <a:defRPr lang="en-US"/>
            </a:defPPr>
            <a:lvl1pPr marL="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FDB913"/>
              </a:buClr>
              <a:buSzPct val="100000"/>
              <a:buFont typeface="wingdings"/>
              <a:buChar char="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Wingdings"/>
              <a:buChar char="n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6pPr>
            <a:lvl7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8pPr>
            <a:lvl9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9pPr>
          </a:lstStyle>
          <a:p>
            <a:pPr marL="84121" marR="0" lvl="0" indent="-84121" algn="r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itchFamily="34" charset="0"/>
              <a:buChar char="©"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2026 </a:t>
            </a:r>
            <a:r>
              <a:rPr kumimoji="0" lang="en-US" sz="600" b="0" i="0" u="none" strike="noStrike" kern="1200" cap="none" spc="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Mygo</a:t>
            </a: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 Consulting, Inc. &amp; affiliate company. All rights reserved. </a:t>
            </a:r>
            <a:endParaRPr kumimoji="0" lang="en-US" sz="600" b="0" i="0" u="none" strike="noStrike" kern="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Arial Unicode MS"/>
              <a:cs typeface="Arial Unicode MS" pitchFamily="34" charset="-128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55543899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2" pos="7680">
          <p15:clr>
            <a:srgbClr val="FBAE40"/>
          </p15:clr>
        </p15:guide>
        <p15:guide id="5" pos="976">
          <p15:clr>
            <a:srgbClr val="FBAE40"/>
          </p15:clr>
        </p15:guide>
        <p15:guide id="6" pos="1376">
          <p15:clr>
            <a:srgbClr val="FBAE40"/>
          </p15:clr>
        </p15:guide>
        <p15:guide id="7" pos="1568">
          <p15:clr>
            <a:srgbClr val="FBAE40"/>
          </p15:clr>
        </p15:guide>
        <p15:guide id="8" pos="1968">
          <p15:clr>
            <a:srgbClr val="FBAE40"/>
          </p15:clr>
        </p15:guide>
        <p15:guide id="9" pos="2160">
          <p15:clr>
            <a:srgbClr val="FBAE40"/>
          </p15:clr>
        </p15:guide>
        <p15:guide id="10" pos="2560">
          <p15:clr>
            <a:srgbClr val="FBAE40"/>
          </p15:clr>
        </p15:guide>
        <p15:guide id="11" pos="2752">
          <p15:clr>
            <a:srgbClr val="FBAE40"/>
          </p15:clr>
        </p15:guide>
        <p15:guide id="12" pos="3152">
          <p15:clr>
            <a:srgbClr val="FBAE40"/>
          </p15:clr>
        </p15:guide>
        <p15:guide id="13" pos="3344">
          <p15:clr>
            <a:srgbClr val="FBAE40"/>
          </p15:clr>
        </p15:guide>
        <p15:guide id="14" pos="3744">
          <p15:clr>
            <a:srgbClr val="FBAE40"/>
          </p15:clr>
        </p15:guide>
        <p15:guide id="15" pos="3936">
          <p15:clr>
            <a:srgbClr val="FBAE40"/>
          </p15:clr>
        </p15:guide>
        <p15:guide id="16" pos="4336">
          <p15:clr>
            <a:srgbClr val="FBAE40"/>
          </p15:clr>
        </p15:guide>
        <p15:guide id="17" pos="4528">
          <p15:clr>
            <a:srgbClr val="FBAE40"/>
          </p15:clr>
        </p15:guide>
        <p15:guide id="18" pos="4928">
          <p15:clr>
            <a:srgbClr val="FBAE40"/>
          </p15:clr>
        </p15:guide>
        <p15:guide id="19" pos="5120">
          <p15:clr>
            <a:srgbClr val="FBAE40"/>
          </p15:clr>
        </p15:guide>
        <p15:guide id="20" pos="5520">
          <p15:clr>
            <a:srgbClr val="FBAE40"/>
          </p15:clr>
        </p15:guide>
        <p15:guide id="21" pos="5712">
          <p15:clr>
            <a:srgbClr val="FBAE40"/>
          </p15:clr>
        </p15:guide>
        <p15:guide id="22" pos="6112">
          <p15:clr>
            <a:srgbClr val="FBAE40"/>
          </p15:clr>
        </p15:guide>
        <p15:guide id="23" pos="6304">
          <p15:clr>
            <a:srgbClr val="FBAE40"/>
          </p15:clr>
        </p15:guide>
        <p15:guide id="24" pos="6704">
          <p15:clr>
            <a:srgbClr val="FBAE40"/>
          </p15:clr>
        </p15:guide>
        <p15:guide id="25" pos="6896">
          <p15:clr>
            <a:srgbClr val="FBAE40"/>
          </p15:clr>
        </p15:guide>
        <p15:guide id="26" pos="7296">
          <p15:clr>
            <a:srgbClr val="FBAE40"/>
          </p15:clr>
        </p15:guide>
        <p15:guide id="27" orient="horz">
          <p15:clr>
            <a:srgbClr val="FBAE40"/>
          </p15:clr>
        </p15:guide>
        <p15:guide id="28" orient="horz" pos="4320">
          <p15:clr>
            <a:srgbClr val="FBAE40"/>
          </p15:clr>
        </p15:guide>
        <p15:guide id="29" orient="horz" pos="384">
          <p15:clr>
            <a:srgbClr val="FBAE40"/>
          </p15:clr>
        </p15:guide>
        <p15:guide id="30" orient="horz" pos="3936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6477398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802" r:id="rId2"/>
    <p:sldLayoutId id="2147483806" r:id="rId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>
          <p15:clr>
            <a:srgbClr val="F26B43"/>
          </p15:clr>
        </p15:guide>
        <p15:guide id="2" pos="7680">
          <p15:clr>
            <a:srgbClr val="F26B43"/>
          </p15:clr>
        </p15:guide>
        <p15:guide id="3" pos="384">
          <p15:clr>
            <a:srgbClr val="F26B43"/>
          </p15:clr>
        </p15:guide>
        <p15:guide id="4" pos="784">
          <p15:clr>
            <a:srgbClr val="F26B43"/>
          </p15:clr>
        </p15:guide>
        <p15:guide id="5" pos="976">
          <p15:clr>
            <a:srgbClr val="F26B43"/>
          </p15:clr>
        </p15:guide>
        <p15:guide id="6" pos="1376">
          <p15:clr>
            <a:srgbClr val="F26B43"/>
          </p15:clr>
        </p15:guide>
        <p15:guide id="7" pos="1568">
          <p15:clr>
            <a:srgbClr val="F26B43"/>
          </p15:clr>
        </p15:guide>
        <p15:guide id="8" pos="1968">
          <p15:clr>
            <a:srgbClr val="F26B43"/>
          </p15:clr>
        </p15:guide>
        <p15:guide id="9" pos="2160">
          <p15:clr>
            <a:srgbClr val="F26B43"/>
          </p15:clr>
        </p15:guide>
        <p15:guide id="10" pos="2560">
          <p15:clr>
            <a:srgbClr val="F26B43"/>
          </p15:clr>
        </p15:guide>
        <p15:guide id="11" pos="2752">
          <p15:clr>
            <a:srgbClr val="F26B43"/>
          </p15:clr>
        </p15:guide>
        <p15:guide id="12" pos="3152">
          <p15:clr>
            <a:srgbClr val="F26B43"/>
          </p15:clr>
        </p15:guide>
        <p15:guide id="13" pos="3344">
          <p15:clr>
            <a:srgbClr val="F26B43"/>
          </p15:clr>
        </p15:guide>
        <p15:guide id="14" pos="3744">
          <p15:clr>
            <a:srgbClr val="F26B43"/>
          </p15:clr>
        </p15:guide>
        <p15:guide id="15" pos="3936">
          <p15:clr>
            <a:srgbClr val="F26B43"/>
          </p15:clr>
        </p15:guide>
        <p15:guide id="16" pos="4336">
          <p15:clr>
            <a:srgbClr val="F26B43"/>
          </p15:clr>
        </p15:guide>
        <p15:guide id="17" pos="4528">
          <p15:clr>
            <a:srgbClr val="F26B43"/>
          </p15:clr>
        </p15:guide>
        <p15:guide id="18" pos="4928">
          <p15:clr>
            <a:srgbClr val="F26B43"/>
          </p15:clr>
        </p15:guide>
        <p15:guide id="19" pos="5120">
          <p15:clr>
            <a:srgbClr val="F26B43"/>
          </p15:clr>
        </p15:guide>
        <p15:guide id="20" pos="5520">
          <p15:clr>
            <a:srgbClr val="F26B43"/>
          </p15:clr>
        </p15:guide>
        <p15:guide id="21" pos="5712">
          <p15:clr>
            <a:srgbClr val="F26B43"/>
          </p15:clr>
        </p15:guide>
        <p15:guide id="22" pos="6112">
          <p15:clr>
            <a:srgbClr val="F26B43"/>
          </p15:clr>
        </p15:guide>
        <p15:guide id="23" pos="6304">
          <p15:clr>
            <a:srgbClr val="F26B43"/>
          </p15:clr>
        </p15:guide>
        <p15:guide id="24" pos="6704">
          <p15:clr>
            <a:srgbClr val="F26B43"/>
          </p15:clr>
        </p15:guide>
        <p15:guide id="25" pos="6896">
          <p15:clr>
            <a:srgbClr val="F26B43"/>
          </p15:clr>
        </p15:guide>
        <p15:guide id="26" pos="7296">
          <p15:clr>
            <a:srgbClr val="F26B43"/>
          </p15:clr>
        </p15:guide>
        <p15:guide id="27" orient="horz">
          <p15:clr>
            <a:srgbClr val="F26B43"/>
          </p15:clr>
        </p15:guide>
        <p15:guide id="28" orient="horz" pos="4320">
          <p15:clr>
            <a:srgbClr val="F26B43"/>
          </p15:clr>
        </p15:guide>
        <p15:guide id="29" orient="horz" pos="384">
          <p15:clr>
            <a:srgbClr val="F26B43"/>
          </p15:clr>
        </p15:guide>
        <p15:guide id="30" orient="horz" pos="418">
          <p15:clr>
            <a:srgbClr val="F26B43"/>
          </p15:clr>
        </p15:guide>
        <p15:guide id="31" orient="horz" pos="458">
          <p15:clr>
            <a:srgbClr val="F26B43"/>
          </p15:clr>
        </p15:guide>
        <p15:guide id="32" orient="horz" pos="493">
          <p15:clr>
            <a:srgbClr val="F26B43"/>
          </p15:clr>
        </p15:guide>
        <p15:guide id="33" orient="horz" pos="533">
          <p15:clr>
            <a:srgbClr val="F26B43"/>
          </p15:clr>
        </p15:guide>
        <p15:guide id="34" orient="horz" pos="568">
          <p15:clr>
            <a:srgbClr val="F26B43"/>
          </p15:clr>
        </p15:guide>
        <p15:guide id="35" orient="horz" pos="608">
          <p15:clr>
            <a:srgbClr val="F26B43"/>
          </p15:clr>
        </p15:guide>
        <p15:guide id="36" orient="horz" pos="643">
          <p15:clr>
            <a:srgbClr val="F26B43"/>
          </p15:clr>
        </p15:guide>
        <p15:guide id="37" orient="horz" pos="683">
          <p15:clr>
            <a:srgbClr val="F26B43"/>
          </p15:clr>
        </p15:guide>
        <p15:guide id="38" orient="horz" pos="718">
          <p15:clr>
            <a:srgbClr val="F26B43"/>
          </p15:clr>
        </p15:guide>
        <p15:guide id="39" orient="horz" pos="758">
          <p15:clr>
            <a:srgbClr val="F26B43"/>
          </p15:clr>
        </p15:guide>
        <p15:guide id="40" orient="horz" pos="793">
          <p15:clr>
            <a:srgbClr val="F26B43"/>
          </p15:clr>
        </p15:guide>
        <p15:guide id="41" orient="horz" pos="833">
          <p15:clr>
            <a:srgbClr val="F26B43"/>
          </p15:clr>
        </p15:guide>
        <p15:guide id="42" orient="horz" pos="867">
          <p15:clr>
            <a:srgbClr val="F26B43"/>
          </p15:clr>
        </p15:guide>
        <p15:guide id="43" orient="horz" pos="907">
          <p15:clr>
            <a:srgbClr val="F26B43"/>
          </p15:clr>
        </p15:guide>
        <p15:guide id="44" orient="horz" pos="942">
          <p15:clr>
            <a:srgbClr val="F26B43"/>
          </p15:clr>
        </p15:guide>
        <p15:guide id="45" orient="horz" pos="982">
          <p15:clr>
            <a:srgbClr val="F26B43"/>
          </p15:clr>
        </p15:guide>
        <p15:guide id="46" orient="horz" pos="1017">
          <p15:clr>
            <a:srgbClr val="F26B43"/>
          </p15:clr>
        </p15:guide>
        <p15:guide id="47" orient="horz" pos="1057">
          <p15:clr>
            <a:srgbClr val="F26B43"/>
          </p15:clr>
        </p15:guide>
        <p15:guide id="48" orient="horz" pos="1092">
          <p15:clr>
            <a:srgbClr val="F26B43"/>
          </p15:clr>
        </p15:guide>
        <p15:guide id="49" orient="horz" pos="1132">
          <p15:clr>
            <a:srgbClr val="F26B43"/>
          </p15:clr>
        </p15:guide>
        <p15:guide id="50" orient="horz" pos="1167">
          <p15:clr>
            <a:srgbClr val="F26B43"/>
          </p15:clr>
        </p15:guide>
        <p15:guide id="51" orient="horz" pos="1207">
          <p15:clr>
            <a:srgbClr val="F26B43"/>
          </p15:clr>
        </p15:guide>
        <p15:guide id="52" orient="horz" pos="1242">
          <p15:clr>
            <a:srgbClr val="F26B43"/>
          </p15:clr>
        </p15:guide>
        <p15:guide id="53" orient="horz" pos="1282">
          <p15:clr>
            <a:srgbClr val="F26B43"/>
          </p15:clr>
        </p15:guide>
        <p15:guide id="54" orient="horz" pos="1316">
          <p15:clr>
            <a:srgbClr val="F26B43"/>
          </p15:clr>
        </p15:guide>
        <p15:guide id="55" orient="horz" pos="1356">
          <p15:clr>
            <a:srgbClr val="F26B43"/>
          </p15:clr>
        </p15:guide>
        <p15:guide id="56" orient="horz" pos="1391">
          <p15:clr>
            <a:srgbClr val="F26B43"/>
          </p15:clr>
        </p15:guide>
        <p15:guide id="57" orient="horz" pos="1431">
          <p15:clr>
            <a:srgbClr val="F26B43"/>
          </p15:clr>
        </p15:guide>
        <p15:guide id="58" orient="horz" pos="1466">
          <p15:clr>
            <a:srgbClr val="F26B43"/>
          </p15:clr>
        </p15:guide>
        <p15:guide id="59" orient="horz" pos="1506">
          <p15:clr>
            <a:srgbClr val="F26B43"/>
          </p15:clr>
        </p15:guide>
        <p15:guide id="60" orient="horz" pos="1541">
          <p15:clr>
            <a:srgbClr val="F26B43"/>
          </p15:clr>
        </p15:guide>
        <p15:guide id="61" orient="horz" pos="1581">
          <p15:clr>
            <a:srgbClr val="F26B43"/>
          </p15:clr>
        </p15:guide>
        <p15:guide id="62" orient="horz" pos="1616">
          <p15:clr>
            <a:srgbClr val="F26B43"/>
          </p15:clr>
        </p15:guide>
        <p15:guide id="63" orient="horz" pos="1656">
          <p15:clr>
            <a:srgbClr val="F26B43"/>
          </p15:clr>
        </p15:guide>
        <p15:guide id="64" orient="horz" pos="1691">
          <p15:clr>
            <a:srgbClr val="F26B43"/>
          </p15:clr>
        </p15:guide>
        <p15:guide id="65" orient="horz" pos="1731">
          <p15:clr>
            <a:srgbClr val="F26B43"/>
          </p15:clr>
        </p15:guide>
        <p15:guide id="66" orient="horz" pos="1765">
          <p15:clr>
            <a:srgbClr val="F26B43"/>
          </p15:clr>
        </p15:guide>
        <p15:guide id="67" orient="horz" pos="1805">
          <p15:clr>
            <a:srgbClr val="F26B43"/>
          </p15:clr>
        </p15:guide>
        <p15:guide id="68" orient="horz" pos="1840">
          <p15:clr>
            <a:srgbClr val="F26B43"/>
          </p15:clr>
        </p15:guide>
        <p15:guide id="69" orient="horz" pos="1880">
          <p15:clr>
            <a:srgbClr val="F26B43"/>
          </p15:clr>
        </p15:guide>
        <p15:guide id="70" orient="horz" pos="1915">
          <p15:clr>
            <a:srgbClr val="F26B43"/>
          </p15:clr>
        </p15:guide>
        <p15:guide id="71" orient="horz" pos="1955">
          <p15:clr>
            <a:srgbClr val="F26B43"/>
          </p15:clr>
        </p15:guide>
        <p15:guide id="72" orient="horz" pos="1990">
          <p15:clr>
            <a:srgbClr val="F26B43"/>
          </p15:clr>
        </p15:guide>
        <p15:guide id="73" orient="horz" pos="2030">
          <p15:clr>
            <a:srgbClr val="F26B43"/>
          </p15:clr>
        </p15:guide>
        <p15:guide id="74" orient="horz" pos="2065">
          <p15:clr>
            <a:srgbClr val="F26B43"/>
          </p15:clr>
        </p15:guide>
        <p15:guide id="75" orient="horz" pos="2105">
          <p15:clr>
            <a:srgbClr val="F26B43"/>
          </p15:clr>
        </p15:guide>
        <p15:guide id="76" orient="horz" pos="2140">
          <p15:clr>
            <a:srgbClr val="F26B43"/>
          </p15:clr>
        </p15:guide>
        <p15:guide id="77" orient="horz" pos="2180">
          <p15:clr>
            <a:srgbClr val="F26B43"/>
          </p15:clr>
        </p15:guide>
        <p15:guide id="78" orient="horz" pos="2214">
          <p15:clr>
            <a:srgbClr val="F26B43"/>
          </p15:clr>
        </p15:guide>
        <p15:guide id="79" orient="horz" pos="2254">
          <p15:clr>
            <a:srgbClr val="F26B43"/>
          </p15:clr>
        </p15:guide>
        <p15:guide id="80" orient="horz" pos="2289">
          <p15:clr>
            <a:srgbClr val="F26B43"/>
          </p15:clr>
        </p15:guide>
        <p15:guide id="81" orient="horz" pos="2329">
          <p15:clr>
            <a:srgbClr val="F26B43"/>
          </p15:clr>
        </p15:guide>
        <p15:guide id="82" orient="horz" pos="2364">
          <p15:clr>
            <a:srgbClr val="F26B43"/>
          </p15:clr>
        </p15:guide>
        <p15:guide id="83" orient="horz" pos="2404">
          <p15:clr>
            <a:srgbClr val="F26B43"/>
          </p15:clr>
        </p15:guide>
        <p15:guide id="84" orient="horz" pos="2439">
          <p15:clr>
            <a:srgbClr val="F26B43"/>
          </p15:clr>
        </p15:guide>
        <p15:guide id="85" orient="horz" pos="2479">
          <p15:clr>
            <a:srgbClr val="F26B43"/>
          </p15:clr>
        </p15:guide>
        <p15:guide id="86" orient="horz" pos="2514">
          <p15:clr>
            <a:srgbClr val="F26B43"/>
          </p15:clr>
        </p15:guide>
        <p15:guide id="87" orient="horz" pos="2554">
          <p15:clr>
            <a:srgbClr val="F26B43"/>
          </p15:clr>
        </p15:guide>
        <p15:guide id="88" orient="horz" pos="2589">
          <p15:clr>
            <a:srgbClr val="F26B43"/>
          </p15:clr>
        </p15:guide>
        <p15:guide id="89" orient="horz" pos="2629">
          <p15:clr>
            <a:srgbClr val="F26B43"/>
          </p15:clr>
        </p15:guide>
        <p15:guide id="90" orient="horz" pos="2663">
          <p15:clr>
            <a:srgbClr val="F26B43"/>
          </p15:clr>
        </p15:guide>
        <p15:guide id="91" orient="horz" pos="2703">
          <p15:clr>
            <a:srgbClr val="F26B43"/>
          </p15:clr>
        </p15:guide>
        <p15:guide id="92" orient="horz" pos="2738">
          <p15:clr>
            <a:srgbClr val="F26B43"/>
          </p15:clr>
        </p15:guide>
        <p15:guide id="93" orient="horz" pos="2778">
          <p15:clr>
            <a:srgbClr val="F26B43"/>
          </p15:clr>
        </p15:guide>
        <p15:guide id="94" orient="horz" pos="2813">
          <p15:clr>
            <a:srgbClr val="F26B43"/>
          </p15:clr>
        </p15:guide>
        <p15:guide id="95" orient="horz" pos="2853">
          <p15:clr>
            <a:srgbClr val="F26B43"/>
          </p15:clr>
        </p15:guide>
        <p15:guide id="96" orient="horz" pos="2888">
          <p15:clr>
            <a:srgbClr val="F26B43"/>
          </p15:clr>
        </p15:guide>
        <p15:guide id="97" orient="horz" pos="2928">
          <p15:clr>
            <a:srgbClr val="F26B43"/>
          </p15:clr>
        </p15:guide>
        <p15:guide id="98" orient="horz" pos="2963">
          <p15:clr>
            <a:srgbClr val="F26B43"/>
          </p15:clr>
        </p15:guide>
        <p15:guide id="99" orient="horz" pos="3003">
          <p15:clr>
            <a:srgbClr val="F26B43"/>
          </p15:clr>
        </p15:guide>
        <p15:guide id="100" orient="horz" pos="3038">
          <p15:clr>
            <a:srgbClr val="F26B43"/>
          </p15:clr>
        </p15:guide>
        <p15:guide id="101" orient="horz" pos="3078">
          <p15:clr>
            <a:srgbClr val="F26B43"/>
          </p15:clr>
        </p15:guide>
        <p15:guide id="102" orient="horz" pos="3112">
          <p15:clr>
            <a:srgbClr val="F26B43"/>
          </p15:clr>
        </p15:guide>
        <p15:guide id="103" orient="horz" pos="3152">
          <p15:clr>
            <a:srgbClr val="F26B43"/>
          </p15:clr>
        </p15:guide>
        <p15:guide id="104" orient="horz" pos="3187">
          <p15:clr>
            <a:srgbClr val="F26B43"/>
          </p15:clr>
        </p15:guide>
        <p15:guide id="105" orient="horz" pos="3227">
          <p15:clr>
            <a:srgbClr val="F26B43"/>
          </p15:clr>
        </p15:guide>
        <p15:guide id="106" orient="horz" pos="3262">
          <p15:clr>
            <a:srgbClr val="F26B43"/>
          </p15:clr>
        </p15:guide>
        <p15:guide id="107" orient="horz" pos="3302">
          <p15:clr>
            <a:srgbClr val="F26B43"/>
          </p15:clr>
        </p15:guide>
        <p15:guide id="108" orient="horz" pos="3337">
          <p15:clr>
            <a:srgbClr val="F26B43"/>
          </p15:clr>
        </p15:guide>
        <p15:guide id="109" orient="horz" pos="3377">
          <p15:clr>
            <a:srgbClr val="F26B43"/>
          </p15:clr>
        </p15:guide>
        <p15:guide id="110" orient="horz" pos="3412">
          <p15:clr>
            <a:srgbClr val="F26B43"/>
          </p15:clr>
        </p15:guide>
        <p15:guide id="111" orient="horz" pos="3453">
          <p15:clr>
            <a:srgbClr val="F26B43"/>
          </p15:clr>
        </p15:guide>
        <p15:guide id="112" orient="horz" pos="3475">
          <p15:clr>
            <a:srgbClr val="F26B43"/>
          </p15:clr>
        </p15:guide>
        <p15:guide id="113" orient="horz" pos="3527">
          <p15:clr>
            <a:srgbClr val="F26B43"/>
          </p15:clr>
        </p15:guide>
        <p15:guide id="114" orient="horz" pos="3561">
          <p15:clr>
            <a:srgbClr val="F26B43"/>
          </p15:clr>
        </p15:guide>
        <p15:guide id="115" orient="horz" pos="3601">
          <p15:clr>
            <a:srgbClr val="F26B43"/>
          </p15:clr>
        </p15:guide>
        <p15:guide id="116" orient="horz" pos="3636">
          <p15:clr>
            <a:srgbClr val="F26B43"/>
          </p15:clr>
        </p15:guide>
        <p15:guide id="117" orient="horz" pos="3676">
          <p15:clr>
            <a:srgbClr val="F26B43"/>
          </p15:clr>
        </p15:guide>
        <p15:guide id="118" orient="horz" pos="3711">
          <p15:clr>
            <a:srgbClr val="F26B43"/>
          </p15:clr>
        </p15:guide>
        <p15:guide id="119" orient="horz" pos="3751">
          <p15:clr>
            <a:srgbClr val="F26B43"/>
          </p15:clr>
        </p15:guide>
        <p15:guide id="120" orient="horz" pos="3786">
          <p15:clr>
            <a:srgbClr val="F26B43"/>
          </p15:clr>
        </p15:guide>
        <p15:guide id="121" orient="horz" pos="3826">
          <p15:clr>
            <a:srgbClr val="F26B43"/>
          </p15:clr>
        </p15:guide>
        <p15:guide id="122" orient="horz" pos="3861">
          <p15:clr>
            <a:srgbClr val="F26B43"/>
          </p15:clr>
        </p15:guide>
        <p15:guide id="123" orient="horz" pos="3901">
          <p15:clr>
            <a:srgbClr val="F26B43"/>
          </p15:clr>
        </p15:guide>
        <p15:guide id="124" orient="horz" pos="3936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2.svg"/><Relationship Id="rId4" Type="http://schemas.openxmlformats.org/officeDocument/2006/relationships/image" Target="../media/image11.svg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2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2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388990-BEFC-75E5-9D37-74D5B09161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9F2E3616-DA21-3FB7-F874-4D913D3D68DD}"/>
              </a:ext>
            </a:extLst>
          </p:cNvPr>
          <p:cNvSpPr/>
          <p:nvPr/>
        </p:nvSpPr>
        <p:spPr>
          <a:xfrm>
            <a:off x="1588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 dirty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42F6518-4522-AAE9-8AF1-18252A02D9DF}"/>
              </a:ext>
            </a:extLst>
          </p:cNvPr>
          <p:cNvSpPr txBox="1"/>
          <p:nvPr/>
        </p:nvSpPr>
        <p:spPr>
          <a:xfrm>
            <a:off x="3193837" y="643730"/>
            <a:ext cx="723667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400"/>
            <a:r>
              <a:rPr lang="en-US" sz="3200" dirty="0">
                <a:solidFill>
                  <a:srgbClr val="FFFFFF"/>
                </a:solidFill>
                <a:latin typeface="72 Brand Medium" panose="020B0504030603020204" pitchFamily="34" charset="0"/>
              </a:rPr>
              <a:t>FRONTLINE TECHNOLOGY SUMMIT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21F5DDC4-B065-0CBF-F15E-AC6CC8B78D0A}"/>
              </a:ext>
            </a:extLst>
          </p:cNvPr>
          <p:cNvSpPr txBox="1">
            <a:spLocks/>
          </p:cNvSpPr>
          <p:nvPr/>
        </p:nvSpPr>
        <p:spPr>
          <a:xfrm>
            <a:off x="583394" y="6328468"/>
            <a:ext cx="1846864" cy="138499"/>
          </a:xfrm>
          <a:prstGeom prst="rect">
            <a:avLst/>
          </a:prstGeom>
          <a:noFill/>
        </p:spPr>
        <p:txBody>
          <a:bodyPr vert="horz" wrap="square" lIns="0" tIns="0" rIns="0" bIns="0" rtlCol="0" anchor="t">
            <a:spAutoFit/>
          </a:bodyPr>
          <a:lstStyle>
            <a:lvl1pPr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2pPr>
            <a:lvl3pPr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4pPr>
            <a:lvl5pPr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457200"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914400"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1371600"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1828800" algn="l" defTabSz="931863" rtl="0" eaLnBrk="1" fontAlgn="base" hangingPunct="1">
              <a:spcBef>
                <a:spcPct val="0"/>
              </a:spcBef>
              <a:spcAft>
                <a:spcPct val="0"/>
              </a:spcAft>
              <a:defRPr sz="3600" b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>
              <a:lnSpc>
                <a:spcPct val="90000"/>
              </a:lnSpc>
              <a:defRPr/>
            </a:pPr>
            <a:r>
              <a:rPr lang="en-US" sz="1000" dirty="0">
                <a:solidFill>
                  <a:schemeClr val="bg1"/>
                </a:solidFill>
                <a:latin typeface="72 Brand" panose="020B0504030603020204" pitchFamily="34" charset="0"/>
              </a:rPr>
              <a:t>April 8</a:t>
            </a:r>
            <a:r>
              <a:rPr lang="en-US" sz="1000" baseline="30000" dirty="0">
                <a:solidFill>
                  <a:schemeClr val="bg1"/>
                </a:solidFill>
                <a:latin typeface="72 Brand" panose="020B0504030603020204" pitchFamily="34" charset="0"/>
              </a:rPr>
              <a:t>th</a:t>
            </a:r>
            <a:r>
              <a:rPr lang="en-US" sz="1000" dirty="0">
                <a:solidFill>
                  <a:schemeClr val="bg1"/>
                </a:solidFill>
                <a:latin typeface="72 Brand" panose="020B0504030603020204" pitchFamily="34" charset="0"/>
              </a:rPr>
              <a:t> 2026</a:t>
            </a:r>
            <a:endParaRPr lang="en-US" sz="1000" b="0" dirty="0">
              <a:solidFill>
                <a:schemeClr val="bg1"/>
              </a:solidFill>
              <a:latin typeface="72 Brand" panose="020B0504030603020204" pitchFamily="34" charset="0"/>
            </a:endParaRP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DF2A8DA3-AFB6-7465-BC1D-0024C58551FD}"/>
              </a:ext>
            </a:extLst>
          </p:cNvPr>
          <p:cNvGrpSpPr/>
          <p:nvPr/>
        </p:nvGrpSpPr>
        <p:grpSpPr>
          <a:xfrm>
            <a:off x="3741036" y="1685865"/>
            <a:ext cx="5809957" cy="747475"/>
            <a:chOff x="3488788" y="5486400"/>
            <a:chExt cx="5809957" cy="747475"/>
          </a:xfrm>
        </p:grpSpPr>
        <p:sp>
          <p:nvSpPr>
            <p:cNvPr id="14" name="Rounded Rectangle 13">
              <a:extLst>
                <a:ext uri="{FF2B5EF4-FFF2-40B4-BE49-F238E27FC236}">
                  <a16:creationId xmlns:a16="http://schemas.microsoft.com/office/drawing/2014/main" id="{31D698A9-5F28-4905-6B11-CEC4DEA3EDCD}"/>
                </a:ext>
              </a:extLst>
            </p:cNvPr>
            <p:cNvSpPr/>
            <p:nvPr/>
          </p:nvSpPr>
          <p:spPr>
            <a:xfrm>
              <a:off x="3488788" y="5486400"/>
              <a:ext cx="5809957" cy="747475"/>
            </a:xfrm>
            <a:prstGeom prst="roundRect">
              <a:avLst/>
            </a:prstGeom>
            <a:solidFill>
              <a:srgbClr val="FFFFFF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177F61EC-C26A-2D6D-4133-29EA745A5D18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121527" y="5530150"/>
              <a:ext cx="4643604" cy="677192"/>
            </a:xfrm>
            <a:prstGeom prst="rect">
              <a:avLst/>
            </a:prstGeom>
          </p:spPr>
        </p:pic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4D02399A-9E70-A02B-F1B2-5A65BE4BAE54}"/>
              </a:ext>
            </a:extLst>
          </p:cNvPr>
          <p:cNvSpPr txBox="1"/>
          <p:nvPr/>
        </p:nvSpPr>
        <p:spPr>
          <a:xfrm>
            <a:off x="3917042" y="3815314"/>
            <a:ext cx="5340772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400"/>
            <a:r>
              <a:rPr lang="en-US" sz="1400" dirty="0">
                <a:solidFill>
                  <a:srgbClr val="FFFFFF"/>
                </a:solidFill>
                <a:latin typeface="72 Brand Book" panose="020B0404030603020204" pitchFamily="34" charset="0"/>
              </a:rPr>
              <a:t>Jordan Roberts</a:t>
            </a:r>
          </a:p>
          <a:p>
            <a:pPr defTabSz="914400"/>
            <a:r>
              <a:rPr lang="en-US" sz="1400" dirty="0">
                <a:solidFill>
                  <a:srgbClr val="FFFFFF"/>
                </a:solidFill>
                <a:latin typeface="72 Brand Book" panose="020B0404030603020204" pitchFamily="34" charset="0"/>
              </a:rPr>
              <a:t>Connors Group</a:t>
            </a:r>
          </a:p>
          <a:p>
            <a:pPr defTabSz="914400"/>
            <a:r>
              <a:rPr lang="en-US" sz="1400" dirty="0">
                <a:solidFill>
                  <a:srgbClr val="FFFFFF"/>
                </a:solidFill>
                <a:latin typeface="72 Brand Book" panose="020B0404030603020204" pitchFamily="34" charset="0"/>
              </a:rPr>
              <a:t>Account Manager</a:t>
            </a:r>
          </a:p>
          <a:p>
            <a:pPr defTabSz="914400"/>
            <a:r>
              <a:rPr lang="en-US" sz="1400" u="sng" dirty="0">
                <a:solidFill>
                  <a:schemeClr val="bg1"/>
                </a:solidFill>
                <a:latin typeface="72 Brand Book" panose="020B0404030603020204" pitchFamily="34" charset="0"/>
              </a:rPr>
              <a:t>jroberts@connorsllc.com</a:t>
            </a:r>
          </a:p>
          <a:p>
            <a:pPr defTabSz="914400"/>
            <a:r>
              <a:rPr lang="en-US" sz="1400" dirty="0">
                <a:solidFill>
                  <a:srgbClr val="FFFFFF"/>
                </a:solidFill>
                <a:latin typeface="72 Brand Book" panose="020B0404030603020204" pitchFamily="34" charset="0"/>
              </a:rPr>
              <a:t>(724) 470-7484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AC93EFB-BDE0-671B-13D9-FE82DE9AB40F}"/>
              </a:ext>
            </a:extLst>
          </p:cNvPr>
          <p:cNvSpPr txBox="1"/>
          <p:nvPr/>
        </p:nvSpPr>
        <p:spPr>
          <a:xfrm>
            <a:off x="3741036" y="3101641"/>
            <a:ext cx="6799536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Topic:  The North Star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0C3A7ED2-91E3-7520-616B-1392B28DEF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33699" y="3309390"/>
            <a:ext cx="1583143" cy="1583143"/>
          </a:xfrm>
          <a:prstGeom prst="ellipse">
            <a:avLst/>
          </a:prstGeom>
          <a:ln w="19050">
            <a:solidFill>
              <a:schemeClr val="accent2">
                <a:lumMod val="50000"/>
              </a:schemeClr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C2F6D9E-FE12-BB77-7EAA-38FB067FBE3D}"/>
              </a:ext>
            </a:extLst>
          </p:cNvPr>
          <p:cNvPicPr>
            <a:picLocks noChangeAspect="1"/>
          </p:cNvPicPr>
          <p:nvPr/>
        </p:nvPicPr>
        <p:blipFill>
          <a:blip r:embed="rId5">
            <a:alphaModFix amt="25000"/>
          </a:blip>
          <a:stretch>
            <a:fillRect/>
          </a:stretch>
        </p:blipFill>
        <p:spPr>
          <a:xfrm>
            <a:off x="6419319" y="2276464"/>
            <a:ext cx="4121253" cy="4121253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32219105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091DBE-71C0-AD61-F62F-E8E1C737E9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987EBADB-9728-1E5F-15D7-509372A9130B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e Integration Model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ADBAB77-9D5B-7CC7-ECB6-431F8719D858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EFF5675-D4AF-1DE6-F857-9601F119E5D6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ree Components of Performance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2BFB074A-6BFE-5999-A676-1580C062E5E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58890800"/>
              </p:ext>
            </p:extLst>
          </p:nvPr>
        </p:nvGraphicFramePr>
        <p:xfrm>
          <a:off x="2530967" y="1365510"/>
          <a:ext cx="7133240" cy="478858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8B295E52-E9E2-44BB-961C-326961A29E7E}"/>
              </a:ext>
            </a:extLst>
          </p:cNvPr>
          <p:cNvSpPr txBox="1"/>
          <p:nvPr/>
        </p:nvSpPr>
        <p:spPr>
          <a:xfrm>
            <a:off x="701039" y="2592373"/>
            <a:ext cx="3149600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Define expectations</a:t>
            </a:r>
          </a:p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24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(process)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C8FAD98-55C5-E9CC-0844-F94A684F5B06}"/>
              </a:ext>
            </a:extLst>
          </p:cNvPr>
          <p:cNvSpPr txBox="1"/>
          <p:nvPr/>
        </p:nvSpPr>
        <p:spPr>
          <a:xfrm>
            <a:off x="8344536" y="2598883"/>
            <a:ext cx="3461773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Measure performance</a:t>
            </a:r>
          </a:p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24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(technology)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0089E60-B92D-3889-6953-CC2011458CD1}"/>
              </a:ext>
            </a:extLst>
          </p:cNvPr>
          <p:cNvSpPr txBox="1"/>
          <p:nvPr/>
        </p:nvSpPr>
        <p:spPr>
          <a:xfrm>
            <a:off x="4861718" y="6027003"/>
            <a:ext cx="2471738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Drive </a:t>
            </a:r>
            <a:r>
              <a:rPr lang="en-US" sz="24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action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(people</a:t>
            </a:r>
            <a:r>
              <a:rPr lang="en-US" sz="24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)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06628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E3B1B4C-B268-1B79-825C-6AC47613F8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raphic 7">
            <a:extLst>
              <a:ext uri="{FF2B5EF4-FFF2-40B4-BE49-F238E27FC236}">
                <a16:creationId xmlns:a16="http://schemas.microsoft.com/office/drawing/2014/main" id="{0F83795D-6D0F-298B-FF7E-61884733A022}"/>
              </a:ext>
            </a:extLst>
          </p:cNvPr>
          <p:cNvSpPr/>
          <p:nvPr/>
        </p:nvSpPr>
        <p:spPr>
          <a:xfrm>
            <a:off x="-1979013" y="-334395"/>
            <a:ext cx="15233956" cy="8516054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6" name="Graphic 7">
            <a:extLst>
              <a:ext uri="{FF2B5EF4-FFF2-40B4-BE49-F238E27FC236}">
                <a16:creationId xmlns:a16="http://schemas.microsoft.com/office/drawing/2014/main" id="{39F1FEA8-2933-F77C-FDD4-3997C8DA58A8}"/>
              </a:ext>
            </a:extLst>
          </p:cNvPr>
          <p:cNvSpPr/>
          <p:nvPr/>
        </p:nvSpPr>
        <p:spPr>
          <a:xfrm>
            <a:off x="-3296850" y="-505146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7" name="Graphic 7">
            <a:extLst>
              <a:ext uri="{FF2B5EF4-FFF2-40B4-BE49-F238E27FC236}">
                <a16:creationId xmlns:a16="http://schemas.microsoft.com/office/drawing/2014/main" id="{AA3D2E28-0283-2EB9-A062-C88E4E257ECD}"/>
              </a:ext>
            </a:extLst>
          </p:cNvPr>
          <p:cNvSpPr/>
          <p:nvPr/>
        </p:nvSpPr>
        <p:spPr>
          <a:xfrm>
            <a:off x="-4614687" y="-675897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8" name="Graphic 7">
            <a:extLst>
              <a:ext uri="{FF2B5EF4-FFF2-40B4-BE49-F238E27FC236}">
                <a16:creationId xmlns:a16="http://schemas.microsoft.com/office/drawing/2014/main" id="{80AEBF64-4849-226A-34F9-99A04469C129}"/>
              </a:ext>
            </a:extLst>
          </p:cNvPr>
          <p:cNvSpPr/>
          <p:nvPr/>
        </p:nvSpPr>
        <p:spPr>
          <a:xfrm>
            <a:off x="-5932523" y="-846648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9" name="Graphic 7">
            <a:extLst>
              <a:ext uri="{FF2B5EF4-FFF2-40B4-BE49-F238E27FC236}">
                <a16:creationId xmlns:a16="http://schemas.microsoft.com/office/drawing/2014/main" id="{F30B00A5-E9E2-7667-7E8D-CB4E626318E2}"/>
              </a:ext>
            </a:extLst>
          </p:cNvPr>
          <p:cNvSpPr/>
          <p:nvPr/>
        </p:nvSpPr>
        <p:spPr>
          <a:xfrm>
            <a:off x="-7250359" y="-1017398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100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10" name="Graphic 7">
            <a:extLst>
              <a:ext uri="{FF2B5EF4-FFF2-40B4-BE49-F238E27FC236}">
                <a16:creationId xmlns:a16="http://schemas.microsoft.com/office/drawing/2014/main" id="{A56AF15D-0FBA-0A1F-EE5C-8F04AF4E93B5}"/>
              </a:ext>
            </a:extLst>
          </p:cNvPr>
          <p:cNvSpPr/>
          <p:nvPr/>
        </p:nvSpPr>
        <p:spPr>
          <a:xfrm>
            <a:off x="-8568196" y="-1188149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100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11" name="Graphic 7">
            <a:extLst>
              <a:ext uri="{FF2B5EF4-FFF2-40B4-BE49-F238E27FC236}">
                <a16:creationId xmlns:a16="http://schemas.microsoft.com/office/drawing/2014/main" id="{1E6575A7-7A56-7919-B041-5AA64C25191D}"/>
              </a:ext>
            </a:extLst>
          </p:cNvPr>
          <p:cNvSpPr/>
          <p:nvPr/>
        </p:nvSpPr>
        <p:spPr>
          <a:xfrm>
            <a:off x="-9886032" y="-1358900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2" name="TextBox 4">
            <a:extLst>
              <a:ext uri="{FF2B5EF4-FFF2-40B4-BE49-F238E27FC236}">
                <a16:creationId xmlns:a16="http://schemas.microsoft.com/office/drawing/2014/main" id="{539F833B-C129-E108-DCDD-EBF633A6FEBB}"/>
              </a:ext>
            </a:extLst>
          </p:cNvPr>
          <p:cNvSpPr txBox="1"/>
          <p:nvPr/>
        </p:nvSpPr>
        <p:spPr>
          <a:xfrm>
            <a:off x="1179864" y="2828835"/>
            <a:ext cx="9835445" cy="1200329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+mn-ea"/>
                <a:cs typeface="+mn-cs"/>
              </a:rPr>
              <a:t>Standards Define it. Systems Measure it. Leaders Make it Happen.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B4820A32-704F-A2CA-1290-38EAED72560C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5469184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C7971B0-BCAF-9F22-0202-D98A976F863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3125D0D-ABCB-2C31-BAEC-5C558F6C7B93}"/>
              </a:ext>
            </a:extLst>
          </p:cNvPr>
          <p:cNvSpPr/>
          <p:nvPr/>
        </p:nvSpPr>
        <p:spPr>
          <a:xfrm>
            <a:off x="1586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931CB91-056B-FA64-10E2-E5CFF4338B08}"/>
              </a:ext>
            </a:extLst>
          </p:cNvPr>
          <p:cNvSpPr txBox="1"/>
          <p:nvPr/>
        </p:nvSpPr>
        <p:spPr>
          <a:xfrm>
            <a:off x="2073838" y="2751891"/>
            <a:ext cx="8047495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Where IT and Labor Standards Connect (And Break)</a:t>
            </a:r>
          </a:p>
        </p:txBody>
      </p:sp>
    </p:spTree>
    <p:extLst>
      <p:ext uri="{BB962C8B-B14F-4D97-AF65-F5344CB8AC3E}">
        <p14:creationId xmlns:p14="http://schemas.microsoft.com/office/powerpoint/2010/main" val="309742188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A27062-3C49-5078-626E-317124A5CC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7BF102E1-A6AA-935E-075D-7956831539AE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Good Looks Lik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133AA00C-6932-560C-8C73-443B39F4FB53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4E3D11E-8890-C64B-C69C-70FE1F2FF6F7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igned Performance System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EB48485-E088-F027-4C71-F2E9D5DCF65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79167" y="1728955"/>
            <a:ext cx="6534469" cy="2933559"/>
          </a:xfrm>
          <a:prstGeom prst="rect">
            <a:avLst/>
          </a:prstGeom>
        </p:spPr>
      </p:pic>
      <p:sp>
        <p:nvSpPr>
          <p:cNvPr id="4" name="TextBox 9">
            <a:extLst>
              <a:ext uri="{FF2B5EF4-FFF2-40B4-BE49-F238E27FC236}">
                <a16:creationId xmlns:a16="http://schemas.microsoft.com/office/drawing/2014/main" id="{D51EA30A-E591-D15D-6175-5B57BB2D8EE1}"/>
              </a:ext>
            </a:extLst>
          </p:cNvPr>
          <p:cNvSpPr txBox="1"/>
          <p:nvPr/>
        </p:nvSpPr>
        <p:spPr>
          <a:xfrm>
            <a:off x="555173" y="1551337"/>
            <a:ext cx="5032887" cy="34778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Standards embedded in systems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Real-time visibility across roles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eader routines tied to business metrics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Clear accountability at every level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Governance to support continuous improvement</a:t>
            </a:r>
          </a:p>
        </p:txBody>
      </p:sp>
    </p:spTree>
    <p:extLst>
      <p:ext uri="{BB962C8B-B14F-4D97-AF65-F5344CB8AC3E}">
        <p14:creationId xmlns:p14="http://schemas.microsoft.com/office/powerpoint/2010/main" val="197458831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AAD846-829F-E3C6-241E-D92903333C7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7A60C770-D302-C145-7F20-0FE5CBCD6C9C}"/>
              </a:ext>
            </a:extLst>
          </p:cNvPr>
          <p:cNvSpPr txBox="1"/>
          <p:nvPr/>
        </p:nvSpPr>
        <p:spPr>
          <a:xfrm>
            <a:off x="605845" y="493060"/>
            <a:ext cx="1098348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3600" b="1" dirty="0">
                <a:solidFill>
                  <a:srgbClr val="000000"/>
                </a:solidFill>
                <a:latin typeface="72 Brand" panose="020B0504030603020204" pitchFamily="34" charset="0"/>
              </a:rPr>
              <a:t>Most Organizations Don’t Have a Labor Problem</a:t>
            </a:r>
            <a:endParaRPr kumimoji="0" lang="en-US" sz="3600" b="1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79ABD54-15E0-A059-1415-06C63516222A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4B0957-F5B6-A328-B9AC-1636C4A1C9E6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ey Have an Alignment </a:t>
            </a:r>
            <a:r>
              <a:rPr lang="en-US" sz="2400" dirty="0">
                <a:solidFill>
                  <a:srgbClr val="000000"/>
                </a:solidFill>
                <a:latin typeface="72 Brand" panose="020B0504030603020204" pitchFamily="34" charset="0"/>
              </a:rPr>
              <a:t>Problem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AF05818-0705-9193-2B3D-1FAB618E4591}"/>
              </a:ext>
            </a:extLst>
          </p:cNvPr>
          <p:cNvSpPr txBox="1"/>
          <p:nvPr/>
        </p:nvSpPr>
        <p:spPr>
          <a:xfrm>
            <a:off x="555173" y="1551337"/>
            <a:ext cx="6642371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Significant investments are being made in IT system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imited adoption and impact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Execution breaks at the front line</a:t>
            </a:r>
          </a:p>
        </p:txBody>
      </p:sp>
    </p:spTree>
    <p:extLst>
      <p:ext uri="{BB962C8B-B14F-4D97-AF65-F5344CB8AC3E}">
        <p14:creationId xmlns:p14="http://schemas.microsoft.com/office/powerpoint/2010/main" val="159686702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FC2CA16-D267-D8A9-3888-0C031370CD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3130A38F-9B2D-519E-FB29-79FB7F7C9538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Looks Righ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DA8124B5-844D-CF26-149E-535A5EDF086F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5" name="TextBox 9">
            <a:extLst>
              <a:ext uri="{FF2B5EF4-FFF2-40B4-BE49-F238E27FC236}">
                <a16:creationId xmlns:a16="http://schemas.microsoft.com/office/drawing/2014/main" id="{6AC3CB6A-5C2B-AAB4-4D5B-987ABB01B7F0}"/>
              </a:ext>
            </a:extLst>
          </p:cNvPr>
          <p:cNvSpPr txBox="1"/>
          <p:nvPr/>
        </p:nvSpPr>
        <p:spPr>
          <a:xfrm>
            <a:off x="1685600" y="2151727"/>
            <a:ext cx="3584128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LM tool selected 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Standards documented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M implemented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Dashboards in place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B92A34E-0F93-9C6D-DF2C-F26F81277E75}"/>
              </a:ext>
            </a:extLst>
          </p:cNvPr>
          <p:cNvSpPr txBox="1"/>
          <p:nvPr/>
        </p:nvSpPr>
        <p:spPr>
          <a:xfrm>
            <a:off x="5518408" y="1654010"/>
            <a:ext cx="104646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ut…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3AEAF37-82FB-52C5-55FB-3DB5B2BE51F2}"/>
              </a:ext>
            </a:extLst>
          </p:cNvPr>
          <p:cNvSpPr txBox="1"/>
          <p:nvPr/>
        </p:nvSpPr>
        <p:spPr>
          <a:xfrm>
            <a:off x="6996478" y="2151727"/>
            <a:ext cx="4181595" cy="25545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0000"/>
              </a:buClr>
              <a:buSzTx/>
              <a:buFont typeface="72 Brand Medium" panose="020B0604020202020204" charset="0"/>
              <a:buChar char="×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No Leader Standard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W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ork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0000"/>
              </a:buClr>
              <a:buSzTx/>
              <a:buFont typeface="72 Brand Medium" panose="020B0604020202020204" charset="0"/>
              <a:buChar char="×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indent="-342900" defTabSz="914126">
              <a:buClr>
                <a:srgbClr val="FF0000"/>
              </a:buClr>
              <a:buFont typeface="72 Brand Medium" panose="020B0604020202020204" charset="0"/>
              <a:buChar char="×"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No coaching cadence</a:t>
            </a:r>
          </a:p>
          <a:p>
            <a:pPr marL="342900" indent="-342900" defTabSz="914126">
              <a:buClr>
                <a:srgbClr val="FF0000"/>
              </a:buClr>
              <a:buFont typeface="72 Brand Medium" panose="020B0604020202020204" charset="0"/>
              <a:buChar char="×"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342900" indent="-342900" defTabSz="914126">
              <a:buClr>
                <a:srgbClr val="FF0000"/>
              </a:buClr>
              <a:buFont typeface="72 Brand Medium" panose="020B0604020202020204" charset="0"/>
              <a:buChar char="×"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No accountability system</a:t>
            </a:r>
          </a:p>
          <a:p>
            <a:pPr marL="342900" indent="-342900" defTabSz="914126">
              <a:buClr>
                <a:srgbClr val="FF0000"/>
              </a:buClr>
              <a:buFont typeface="72 Brand Medium" panose="020B0604020202020204" charset="0"/>
              <a:buChar char="×"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342900" indent="-342900" defTabSz="914126">
              <a:buClr>
                <a:srgbClr val="FF0000"/>
              </a:buClr>
              <a:buFont typeface="72 Brand Medium" panose="020B0604020202020204" charset="0"/>
              <a:buChar char="×"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No governance to sustain system or process chang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5F40D4C-5BE6-A3EF-EE36-83A736A0D4AE}"/>
              </a:ext>
            </a:extLst>
          </p:cNvPr>
          <p:cNvSpPr txBox="1"/>
          <p:nvPr/>
        </p:nvSpPr>
        <p:spPr>
          <a:xfrm>
            <a:off x="2022541" y="1672610"/>
            <a:ext cx="230225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B05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Looks Righ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5D3FA9F-AA2A-2499-F997-796D8D59604D}"/>
              </a:ext>
            </a:extLst>
          </p:cNvPr>
          <p:cNvSpPr txBox="1"/>
          <p:nvPr/>
        </p:nvSpPr>
        <p:spPr>
          <a:xfrm>
            <a:off x="7661340" y="1667975"/>
            <a:ext cx="230225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Missing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F5D3601-F89E-4A8B-B04F-5AE36ED43000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(But Isn’t)</a:t>
            </a:r>
          </a:p>
        </p:txBody>
      </p:sp>
    </p:spTree>
    <p:extLst>
      <p:ext uri="{BB962C8B-B14F-4D97-AF65-F5344CB8AC3E}">
        <p14:creationId xmlns:p14="http://schemas.microsoft.com/office/powerpoint/2010/main" val="404737431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717BB9-0F1F-1DB6-8206-1A87C15778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raphic 7">
            <a:extLst>
              <a:ext uri="{FF2B5EF4-FFF2-40B4-BE49-F238E27FC236}">
                <a16:creationId xmlns:a16="http://schemas.microsoft.com/office/drawing/2014/main" id="{89776DA0-F2ED-BDC9-38B6-78F35DD60EBF}"/>
              </a:ext>
            </a:extLst>
          </p:cNvPr>
          <p:cNvSpPr/>
          <p:nvPr/>
        </p:nvSpPr>
        <p:spPr>
          <a:xfrm>
            <a:off x="-1979013" y="-334395"/>
            <a:ext cx="15233956" cy="8516054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6" name="Graphic 7">
            <a:extLst>
              <a:ext uri="{FF2B5EF4-FFF2-40B4-BE49-F238E27FC236}">
                <a16:creationId xmlns:a16="http://schemas.microsoft.com/office/drawing/2014/main" id="{01D9B725-705B-B036-13BC-E85BB747A5DD}"/>
              </a:ext>
            </a:extLst>
          </p:cNvPr>
          <p:cNvSpPr/>
          <p:nvPr/>
        </p:nvSpPr>
        <p:spPr>
          <a:xfrm>
            <a:off x="-3296850" y="-505146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7" name="Graphic 7">
            <a:extLst>
              <a:ext uri="{FF2B5EF4-FFF2-40B4-BE49-F238E27FC236}">
                <a16:creationId xmlns:a16="http://schemas.microsoft.com/office/drawing/2014/main" id="{A1EF9EBE-C497-201C-B4A6-06B4CE9E917F}"/>
              </a:ext>
            </a:extLst>
          </p:cNvPr>
          <p:cNvSpPr/>
          <p:nvPr/>
        </p:nvSpPr>
        <p:spPr>
          <a:xfrm>
            <a:off x="-4614687" y="-675897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8" name="Graphic 7">
            <a:extLst>
              <a:ext uri="{FF2B5EF4-FFF2-40B4-BE49-F238E27FC236}">
                <a16:creationId xmlns:a16="http://schemas.microsoft.com/office/drawing/2014/main" id="{E39DD6FF-5BDB-AB3D-A249-7BD1DB6C7273}"/>
              </a:ext>
            </a:extLst>
          </p:cNvPr>
          <p:cNvSpPr/>
          <p:nvPr/>
        </p:nvSpPr>
        <p:spPr>
          <a:xfrm>
            <a:off x="-5932523" y="-846648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9" name="Graphic 7">
            <a:extLst>
              <a:ext uri="{FF2B5EF4-FFF2-40B4-BE49-F238E27FC236}">
                <a16:creationId xmlns:a16="http://schemas.microsoft.com/office/drawing/2014/main" id="{EA6FB859-63CC-8202-BE72-A4F7F47A11A3}"/>
              </a:ext>
            </a:extLst>
          </p:cNvPr>
          <p:cNvSpPr/>
          <p:nvPr/>
        </p:nvSpPr>
        <p:spPr>
          <a:xfrm>
            <a:off x="-7250359" y="-1017398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100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10" name="Graphic 7">
            <a:extLst>
              <a:ext uri="{FF2B5EF4-FFF2-40B4-BE49-F238E27FC236}">
                <a16:creationId xmlns:a16="http://schemas.microsoft.com/office/drawing/2014/main" id="{5D5C98A1-30CB-3C6A-5587-164D32765734}"/>
              </a:ext>
            </a:extLst>
          </p:cNvPr>
          <p:cNvSpPr/>
          <p:nvPr/>
        </p:nvSpPr>
        <p:spPr>
          <a:xfrm>
            <a:off x="-8568196" y="-1188149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100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11" name="Graphic 7">
            <a:extLst>
              <a:ext uri="{FF2B5EF4-FFF2-40B4-BE49-F238E27FC236}">
                <a16:creationId xmlns:a16="http://schemas.microsoft.com/office/drawing/2014/main" id="{AB8FE853-F85C-16AB-39FB-EF33A20BDAF3}"/>
              </a:ext>
            </a:extLst>
          </p:cNvPr>
          <p:cNvSpPr/>
          <p:nvPr/>
        </p:nvSpPr>
        <p:spPr>
          <a:xfrm>
            <a:off x="-9886032" y="-1358900"/>
            <a:ext cx="15233956" cy="8516055"/>
          </a:xfrm>
          <a:custGeom>
            <a:avLst/>
            <a:gdLst>
              <a:gd name="connsiteX0" fmla="*/ 0 w 33903739"/>
              <a:gd name="connsiteY0" fmla="*/ 12409468 h 12409468"/>
              <a:gd name="connsiteX1" fmla="*/ 24221832 w 33903739"/>
              <a:gd name="connsiteY1" fmla="*/ 8204795 h 12409468"/>
              <a:gd name="connsiteX2" fmla="*/ 33903740 w 33903739"/>
              <a:gd name="connsiteY2" fmla="*/ 0 h 124094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3903739" h="12409468">
                <a:moveTo>
                  <a:pt x="0" y="12409468"/>
                </a:moveTo>
                <a:cubicBezTo>
                  <a:pt x="5734056" y="12000365"/>
                  <a:pt x="19215912" y="10091216"/>
                  <a:pt x="24221832" y="8204795"/>
                </a:cubicBezTo>
                <a:cubicBezTo>
                  <a:pt x="29467128" y="6228144"/>
                  <a:pt x="33023834" y="2189460"/>
                  <a:pt x="33903740" y="0"/>
                </a:cubicBezTo>
              </a:path>
            </a:pathLst>
          </a:custGeom>
          <a:noFill/>
          <a:ln w="9525" cap="rnd" algn="ctr">
            <a:gradFill flip="none" rotWithShape="1">
              <a:gsLst>
                <a:gs pos="0">
                  <a:srgbClr val="704DFF">
                    <a:alpha val="15000"/>
                  </a:srgbClr>
                </a:gs>
                <a:gs pos="99000">
                  <a:srgbClr val="704DFF">
                    <a:alpha val="0"/>
                  </a:srgbClr>
                </a:gs>
              </a:gsLst>
              <a:lin ang="16200000" scaled="0"/>
              <a:tileRect/>
            </a:gradFill>
            <a:miter lim="800000"/>
            <a:headEnd/>
            <a:tailEnd/>
          </a:ln>
          <a:effectLst>
            <a:outerShdw blurRad="1270000" algn="ctr" rotWithShape="0">
              <a:srgbClr val="D1EFFF"/>
            </a:outerShdw>
          </a:effectLst>
        </p:spPr>
        <p:txBody>
          <a:bodyPr lIns="274105" tIns="219285" rIns="274105" bIns="219285" rtlCol="0" anchor="t"/>
          <a:lstStyle/>
          <a:p>
            <a:pPr marL="0" marR="0" lvl="0" indent="0" algn="l" defTabSz="137041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110004020202020204"/>
              <a:ea typeface="+mn-ea"/>
              <a:cs typeface="+mn-cs"/>
            </a:endParaRPr>
          </a:p>
        </p:txBody>
      </p:sp>
      <p:sp>
        <p:nvSpPr>
          <p:cNvPr id="2" name="TextBox 4">
            <a:extLst>
              <a:ext uri="{FF2B5EF4-FFF2-40B4-BE49-F238E27FC236}">
                <a16:creationId xmlns:a16="http://schemas.microsoft.com/office/drawing/2014/main" id="{E205533F-522B-609B-8C57-810C85BBB5FA}"/>
              </a:ext>
            </a:extLst>
          </p:cNvPr>
          <p:cNvSpPr txBox="1"/>
          <p:nvPr/>
        </p:nvSpPr>
        <p:spPr>
          <a:xfrm>
            <a:off x="1179866" y="2428792"/>
            <a:ext cx="9835445" cy="1938992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+mn-ea"/>
                <a:cs typeface="+mn-cs"/>
              </a:rPr>
              <a:t>You Didn’t Implement Labor Management.  You Installed a Reporting Tool.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30452D34-A6A0-0EC0-8367-F87E0FC775E4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5873185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4660D1-5C46-E99C-3D5C-F0A74EFD94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84E34E6F-9696-009D-1831-81C91543DD0F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Happens Next?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3B42E9CF-CCD0-3770-5533-4859AA96F42A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F2DFC10-4157-82BE-B427-2FE7B7A7AE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6364" y="1504961"/>
            <a:ext cx="3842629" cy="3842629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5171C112-7B1A-3953-F24A-2711271899FA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en the System isn’t Complete…</a:t>
            </a:r>
          </a:p>
        </p:txBody>
      </p:sp>
      <p:sp>
        <p:nvSpPr>
          <p:cNvPr id="8" name="TextBox 9">
            <a:extLst>
              <a:ext uri="{FF2B5EF4-FFF2-40B4-BE49-F238E27FC236}">
                <a16:creationId xmlns:a16="http://schemas.microsoft.com/office/drawing/2014/main" id="{F03BC008-84E6-D98F-3B54-0573C7773C47}"/>
              </a:ext>
            </a:extLst>
          </p:cNvPr>
          <p:cNvSpPr txBox="1"/>
          <p:nvPr/>
        </p:nvSpPr>
        <p:spPr>
          <a:xfrm>
            <a:off x="555174" y="1551337"/>
            <a:ext cx="6642371" cy="25545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Metrics become nois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Supervisors disengag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Associates lose trust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ROI never materialize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9153081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E5882B2-5011-60FF-0D11-50AD7C3D31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D9967808-BFA6-E04F-2A8F-67913BEBC440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Near Miss vs. North Star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C1186B9-099B-4D08-E458-D71AEE3BD4AC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FEA6744-F90F-0219-8A5D-A3361A9F0C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20590203"/>
              </p:ext>
            </p:extLst>
          </p:nvPr>
        </p:nvGraphicFramePr>
        <p:xfrm>
          <a:off x="2032528" y="1491121"/>
          <a:ext cx="8130118" cy="2042160"/>
        </p:xfrm>
        <a:graphic>
          <a:graphicData uri="http://schemas.openxmlformats.org/drawingml/2006/table">
            <a:tbl>
              <a:tblPr firstRow="1" bandRow="1">
                <a:tableStyleId>{3C2FFA5D-87B4-456A-9821-1D502468CF0F}</a:tableStyleId>
              </a:tblPr>
              <a:tblGrid>
                <a:gridCol w="4065059">
                  <a:extLst>
                    <a:ext uri="{9D8B030D-6E8A-4147-A177-3AD203B41FA5}">
                      <a16:colId xmlns:a16="http://schemas.microsoft.com/office/drawing/2014/main" val="361765707"/>
                    </a:ext>
                  </a:extLst>
                </a:gridCol>
                <a:gridCol w="4065059">
                  <a:extLst>
                    <a:ext uri="{9D8B030D-6E8A-4147-A177-3AD203B41FA5}">
                      <a16:colId xmlns:a16="http://schemas.microsoft.com/office/drawing/2014/main" val="1896107292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2400" dirty="0">
                          <a:latin typeface="72 Brand Medium" panose="020B0604020202020204" charset="0"/>
                        </a:rPr>
                        <a:t>Near Mis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400" dirty="0">
                          <a:latin typeface="72 Brand Medium" panose="020B0604020202020204" charset="0"/>
                        </a:rPr>
                        <a:t>North Sta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6826515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Repor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Action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649658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Visibil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Accountabilit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226973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Metric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Behavior Chang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172158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Tool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000" dirty="0">
                          <a:solidFill>
                            <a:schemeClr val="bg2"/>
                          </a:solidFill>
                          <a:latin typeface="72 Brand Medium" panose="020B0604020202020204" charset="0"/>
                        </a:rPr>
                        <a:t>Operating Syste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3996896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86532640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E4958F-9B62-E84A-D224-0E0325B208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499A16AB-57EE-B393-04C8-CBBE0E1E6E35}"/>
              </a:ext>
            </a:extLst>
          </p:cNvPr>
          <p:cNvSpPr/>
          <p:nvPr/>
        </p:nvSpPr>
        <p:spPr>
          <a:xfrm>
            <a:off x="1586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344609A-CF90-D7D9-DA73-1D3EF4626DC6}"/>
              </a:ext>
            </a:extLst>
          </p:cNvPr>
          <p:cNvSpPr txBox="1"/>
          <p:nvPr/>
        </p:nvSpPr>
        <p:spPr>
          <a:xfrm>
            <a:off x="2073838" y="2751891"/>
            <a:ext cx="8047495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How to Move From Tools to Execution to </a:t>
            </a:r>
            <a:r>
              <a:rPr lang="en-US" sz="4400" dirty="0">
                <a:solidFill>
                  <a:srgbClr val="FFFFFF"/>
                </a:solidFill>
                <a:latin typeface="72 Brand Medium" panose="020B0504030603020204" pitchFamily="34" charset="0"/>
              </a:rPr>
              <a:t>Results</a:t>
            </a:r>
            <a:endParaRPr kumimoji="0" lang="en-US" sz="4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798263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D9376B-969E-0668-DBEC-CFB939B67B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4829F00B-4736-4885-1F4B-EC0A1ED0BCB4}"/>
              </a:ext>
            </a:extLst>
          </p:cNvPr>
          <p:cNvSpPr/>
          <p:nvPr/>
        </p:nvSpPr>
        <p:spPr>
          <a:xfrm>
            <a:off x="0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3269B10-0943-CBC5-9EEB-A48AF6B7AB4D}"/>
              </a:ext>
            </a:extLst>
          </p:cNvPr>
          <p:cNvSpPr txBox="1"/>
          <p:nvPr/>
        </p:nvSpPr>
        <p:spPr>
          <a:xfrm>
            <a:off x="2132162" y="412938"/>
            <a:ext cx="7927676" cy="16619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400"/>
            <a:r>
              <a:rPr lang="en-US" sz="5400" dirty="0">
                <a:solidFill>
                  <a:srgbClr val="FFFFFF"/>
                </a:solidFill>
                <a:latin typeface="72 Brand Medium" panose="020B0504030603020204" pitchFamily="34" charset="0"/>
              </a:rPr>
              <a:t>Frontline Technology Summit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35861EC-34DE-2D1B-F45E-18889B0741B8}"/>
              </a:ext>
            </a:extLst>
          </p:cNvPr>
          <p:cNvGrpSpPr/>
          <p:nvPr/>
        </p:nvGrpSpPr>
        <p:grpSpPr>
          <a:xfrm>
            <a:off x="3242169" y="5200724"/>
            <a:ext cx="5809957" cy="747475"/>
            <a:chOff x="3488788" y="5486400"/>
            <a:chExt cx="5809957" cy="7474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C22A05AB-24D5-518F-DD12-A723568A45B9}"/>
                </a:ext>
              </a:extLst>
            </p:cNvPr>
            <p:cNvSpPr/>
            <p:nvPr/>
          </p:nvSpPr>
          <p:spPr>
            <a:xfrm>
              <a:off x="3488788" y="5486400"/>
              <a:ext cx="5809957" cy="747475"/>
            </a:xfrm>
            <a:prstGeom prst="roundRect">
              <a:avLst/>
            </a:prstGeom>
            <a:solidFill>
              <a:srgbClr val="FFFFFF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05A29384-6CBB-54F9-F7FB-CE673E7712B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121527" y="5530150"/>
              <a:ext cx="4643604" cy="677192"/>
            </a:xfrm>
            <a:prstGeom prst="rect">
              <a:avLst/>
            </a:prstGeom>
          </p:spPr>
        </p:pic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BBAC6432-B6AC-5381-3FE9-62689AA6DB86}"/>
              </a:ext>
            </a:extLst>
          </p:cNvPr>
          <p:cNvSpPr txBox="1"/>
          <p:nvPr/>
        </p:nvSpPr>
        <p:spPr>
          <a:xfrm>
            <a:off x="2474726" y="2521982"/>
            <a:ext cx="8645978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Topic:  </a:t>
            </a:r>
            <a:r>
              <a:rPr lang="en-US" b="1" dirty="0">
                <a:solidFill>
                  <a:schemeClr val="bg1"/>
                </a:solidFill>
              </a:rPr>
              <a:t>Session 1:</a:t>
            </a:r>
          </a:p>
        </p:txBody>
      </p:sp>
    </p:spTree>
    <p:extLst>
      <p:ext uri="{BB962C8B-B14F-4D97-AF65-F5344CB8AC3E}">
        <p14:creationId xmlns:p14="http://schemas.microsoft.com/office/powerpoint/2010/main" val="358257662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7B7798B-DA4D-AB06-D6D5-65DC6239C97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D7D0405E-C293-4087-E445-3B07A8573596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marR="0" lvl="0" indent="0" defTabSz="9141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3600" b="1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</a:defRPr>
            </a:lvl1pPr>
          </a:lstStyle>
          <a:p>
            <a:r>
              <a:rPr lang="en-US" dirty="0"/>
              <a:t>Example: Befor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A7CE0EB-E176-07D9-D88B-A3ECF5D5A642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71141D6-9389-B1D1-E929-9509E48A380E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Common Starting Point…</a:t>
            </a:r>
          </a:p>
        </p:txBody>
      </p:sp>
      <p:sp>
        <p:nvSpPr>
          <p:cNvPr id="11" name="TextBox 9">
            <a:extLst>
              <a:ext uri="{FF2B5EF4-FFF2-40B4-BE49-F238E27FC236}">
                <a16:creationId xmlns:a16="http://schemas.microsoft.com/office/drawing/2014/main" id="{D420BDE2-A8A6-AE2F-DCE3-DA8CDCB28DE7}"/>
              </a:ext>
            </a:extLst>
          </p:cNvPr>
          <p:cNvSpPr txBox="1"/>
          <p:nvPr/>
        </p:nvSpPr>
        <p:spPr>
          <a:xfrm>
            <a:off x="555173" y="1551337"/>
            <a:ext cx="10921479" cy="40934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LM system in place for 8 year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Standards outdated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 and didn’t reflect the processes at the new facility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No governance to sustain process change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Limited supervisor engagement – only using gap time reporting with inconsistent coaching and intervention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ack of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LM training across all site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Overall LM performance was at 74%</a:t>
            </a:r>
          </a:p>
          <a:p>
            <a:pPr marR="0" lvl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199860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F52EBAB-1F70-C923-5E3C-B9BB5D0080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16B7A089-C142-FCE8-DC82-4A5ABF183062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Example: What Changed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31D4AD4-E59C-6795-8521-E4296F7281B5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6ACA928-88A9-F9DF-5A07-9BC21F68B54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43630" y="2575248"/>
            <a:ext cx="5711912" cy="25062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88CB9C5-42AF-A8C8-6CDA-1088753D5D47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dentified Gaps and Created a Labor Management System</a:t>
            </a:r>
          </a:p>
        </p:txBody>
      </p:sp>
      <p:sp>
        <p:nvSpPr>
          <p:cNvPr id="8" name="TextBox 9">
            <a:extLst>
              <a:ext uri="{FF2B5EF4-FFF2-40B4-BE49-F238E27FC236}">
                <a16:creationId xmlns:a16="http://schemas.microsoft.com/office/drawing/2014/main" id="{DA6F3AB8-1AD7-FD21-3B3F-B1FA608BEAA8}"/>
              </a:ext>
            </a:extLst>
          </p:cNvPr>
          <p:cNvSpPr txBox="1"/>
          <p:nvPr/>
        </p:nvSpPr>
        <p:spPr>
          <a:xfrm>
            <a:off x="555174" y="1551337"/>
            <a:ext cx="5384962" cy="4401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Started with an LM assessment to size the opportunity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Validated methods and rebuilt standards to match work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Configured updated standards into LM system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Developed Leader Standard Work to drive a cadence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 for action and follow up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Completed operations and IE training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3406353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CF544E-F74F-18D3-323C-4113DDEE10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30208CBB-D22C-2E43-4D37-B3FB7D929998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Example: Result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003C67A3-FCD0-E8AA-D128-D6D386F89F00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9BA59DC1-5AFF-4495-CD9C-EDC05AC17B0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56334437"/>
              </p:ext>
            </p:extLst>
          </p:nvPr>
        </p:nvGraphicFramePr>
        <p:xfrm>
          <a:off x="5571542" y="2745688"/>
          <a:ext cx="6139639" cy="1873105"/>
        </p:xfrm>
        <a:graphic>
          <a:graphicData uri="http://schemas.openxmlformats.org/drawingml/2006/table">
            <a:tbl>
              <a:tblPr firstRow="1" bandRow="1"/>
              <a:tblGrid>
                <a:gridCol w="467785">
                  <a:extLst>
                    <a:ext uri="{9D8B030D-6E8A-4147-A177-3AD203B41FA5}">
                      <a16:colId xmlns:a16="http://schemas.microsoft.com/office/drawing/2014/main" val="736600164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3021037515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1831612484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1854097123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1906598837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3678795716"/>
                    </a:ext>
                  </a:extLst>
                </a:gridCol>
                <a:gridCol w="945309">
                  <a:extLst>
                    <a:ext uri="{9D8B030D-6E8A-4147-A177-3AD203B41FA5}">
                      <a16:colId xmlns:a16="http://schemas.microsoft.com/office/drawing/2014/main" val="3324819763"/>
                    </a:ext>
                  </a:extLst>
                </a:gridCol>
              </a:tblGrid>
              <a:tr h="315997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r"/>
                      <a:r>
                        <a:rPr lang="en-US" sz="900" b="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20M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3870980"/>
                  </a:ext>
                </a:extLst>
              </a:tr>
              <a:tr h="328921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r"/>
                      <a:r>
                        <a:rPr lang="en-US" sz="900" b="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15M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18913000"/>
                  </a:ext>
                </a:extLst>
              </a:tr>
              <a:tr h="3407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r"/>
                      <a:r>
                        <a:rPr lang="en-US" sz="90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10M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7074824"/>
                  </a:ext>
                </a:extLst>
              </a:tr>
              <a:tr h="338807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r"/>
                      <a:r>
                        <a:rPr lang="en-US" sz="90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5M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endParaRPr lang="en-US" sz="90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ysClr val="window" lastClr="FFFFFF">
                          <a:lumMod val="65000"/>
                        </a:sysClr>
                      </a:solidFill>
                      <a:prstDash val="dot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78837012"/>
                  </a:ext>
                </a:extLst>
              </a:tr>
              <a:tr h="420142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endParaRPr lang="en-US" sz="90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mpd="sng"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marL="0" algn="ctr" defTabSz="914400" rtl="0" eaLnBrk="1" latinLnBrk="0" hangingPunct="1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72 Brand" panose="020B0604020202020204" charset="0"/>
                          <a:ea typeface="+mn-ea"/>
                          <a:cs typeface="+mn-cs"/>
                        </a:rPr>
                        <a:t>Current 74% </a:t>
                      </a:r>
                    </a:p>
                    <a:p>
                      <a:pPr marL="0" algn="ctr" defTabSz="914400" rtl="0" eaLnBrk="1" latinLnBrk="0" hangingPunct="1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72 Brand" panose="020B0604020202020204" charset="0"/>
                          <a:ea typeface="+mn-ea"/>
                          <a:cs typeface="+mn-cs"/>
                        </a:rPr>
                        <a:t>Performance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marL="0" algn="ctr" defTabSz="914400" rtl="0" eaLnBrk="1" latinLnBrk="0" hangingPunct="1"/>
                      <a:r>
                        <a:rPr lang="en-US" sz="1000" kern="1200">
                          <a:solidFill>
                            <a:schemeClr val="tx1"/>
                          </a:solidFill>
                          <a:latin typeface="72 Brand" panose="020B0604020202020204" charset="0"/>
                          <a:ea typeface="+mn-ea"/>
                          <a:cs typeface="+mn-cs"/>
                        </a:rPr>
                        <a:t>IBEGIN GAP Reductio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@ 80% </a:t>
                      </a:r>
                    </a:p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Performance</a:t>
                      </a:r>
                    </a:p>
                    <a:p>
                      <a:pPr algn="ctr"/>
                      <a:endParaRPr lang="en-US" sz="1000" dirty="0">
                        <a:solidFill>
                          <a:schemeClr val="tx1"/>
                        </a:solidFill>
                        <a:latin typeface="72 Brand" panose="020B0604020202020204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@ 90% </a:t>
                      </a:r>
                    </a:p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Performance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@ 95% </a:t>
                      </a:r>
                    </a:p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Performance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/>
                        </a:defRPr>
                      </a:lvl9pPr>
                    </a:lstStyle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@ 100% </a:t>
                      </a:r>
                    </a:p>
                    <a:p>
                      <a:pPr algn="ctr"/>
                      <a:r>
                        <a:rPr lang="en-US" sz="1000" dirty="0">
                          <a:solidFill>
                            <a:schemeClr val="tx1"/>
                          </a:solidFill>
                          <a:latin typeface="72 Brand" panose="020B0604020202020204" charset="0"/>
                        </a:rPr>
                        <a:t>Performance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mpd="sng">
                      <a:noFill/>
                    </a:lnR>
                    <a:lnT w="12700" cap="flat" cmpd="sng" algn="ctr">
                      <a:solidFill>
                        <a:sysClr val="windowText" lastClr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6223930"/>
                  </a:ext>
                </a:extLst>
              </a:tr>
            </a:tbl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6E3FFA78-1165-66C4-0065-494212A9955B}"/>
              </a:ext>
            </a:extLst>
          </p:cNvPr>
          <p:cNvSpPr txBox="1"/>
          <p:nvPr/>
        </p:nvSpPr>
        <p:spPr>
          <a:xfrm>
            <a:off x="7061773" y="1946038"/>
            <a:ext cx="360347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Labor Opportunity</a:t>
            </a:r>
            <a:endParaRPr kumimoji="0" lang="en-US" sz="2400" b="1" i="0" u="none" strike="noStrike" kern="0" cap="none" spc="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72 Brand" panose="020B060402020202020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A6E41541-B140-132D-343E-9CE7A74BB03B}"/>
              </a:ext>
            </a:extLst>
          </p:cNvPr>
          <p:cNvSpPr/>
          <p:nvPr/>
        </p:nvSpPr>
        <p:spPr>
          <a:xfrm>
            <a:off x="7082612" y="3868761"/>
            <a:ext cx="731520" cy="194157"/>
          </a:xfrm>
          <a:prstGeom prst="rect">
            <a:avLst/>
          </a:prstGeom>
          <a:solidFill>
            <a:schemeClr val="accent6"/>
          </a:solidFill>
          <a:ln w="10795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50" b="0" i="0" u="none" strike="noStrike" kern="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712F136-B425-AC97-A107-0F6A6ACD19CD}"/>
              </a:ext>
            </a:extLst>
          </p:cNvPr>
          <p:cNvSpPr txBox="1"/>
          <p:nvPr/>
        </p:nvSpPr>
        <p:spPr>
          <a:xfrm>
            <a:off x="7240149" y="3693213"/>
            <a:ext cx="381548" cy="168966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499FE29-19BD-729B-0132-1F5795F3362E}"/>
              </a:ext>
            </a:extLst>
          </p:cNvPr>
          <p:cNvSpPr txBox="1"/>
          <p:nvPr/>
        </p:nvSpPr>
        <p:spPr>
          <a:xfrm>
            <a:off x="7054488" y="3582668"/>
            <a:ext cx="820974" cy="147803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$2M-$2.5M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1BF6061-A185-C5E4-910F-FD809C273875}"/>
              </a:ext>
            </a:extLst>
          </p:cNvPr>
          <p:cNvSpPr/>
          <p:nvPr/>
        </p:nvSpPr>
        <p:spPr>
          <a:xfrm>
            <a:off x="8032779" y="3537499"/>
            <a:ext cx="731520" cy="527584"/>
          </a:xfrm>
          <a:prstGeom prst="rect">
            <a:avLst/>
          </a:prstGeom>
          <a:solidFill>
            <a:schemeClr val="accent5"/>
          </a:solidFill>
          <a:ln w="10795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50" b="0" i="0" u="none" strike="noStrike" kern="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C620645-AE5A-3D2C-2048-324A23BCB422}"/>
              </a:ext>
            </a:extLst>
          </p:cNvPr>
          <p:cNvSpPr txBox="1"/>
          <p:nvPr/>
        </p:nvSpPr>
        <p:spPr>
          <a:xfrm>
            <a:off x="7992082" y="3291275"/>
            <a:ext cx="804049" cy="228304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$6M-$7M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44917C4-4F1A-171F-216C-4341085D21E4}"/>
              </a:ext>
            </a:extLst>
          </p:cNvPr>
          <p:cNvSpPr/>
          <p:nvPr/>
        </p:nvSpPr>
        <p:spPr>
          <a:xfrm>
            <a:off x="8977856" y="3157767"/>
            <a:ext cx="731520" cy="905148"/>
          </a:xfrm>
          <a:prstGeom prst="rect">
            <a:avLst/>
          </a:prstGeom>
          <a:solidFill>
            <a:schemeClr val="accent4"/>
          </a:solidFill>
          <a:ln w="10795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50" b="0" i="0" u="none" strike="noStrike" kern="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426371A-D2BB-22D4-4DB1-FA6537A5230D}"/>
              </a:ext>
            </a:extLst>
          </p:cNvPr>
          <p:cNvSpPr/>
          <p:nvPr/>
        </p:nvSpPr>
        <p:spPr>
          <a:xfrm>
            <a:off x="9933723" y="2930505"/>
            <a:ext cx="731520" cy="1132410"/>
          </a:xfrm>
          <a:prstGeom prst="rect">
            <a:avLst/>
          </a:prstGeom>
          <a:solidFill>
            <a:schemeClr val="accent3"/>
          </a:solidFill>
          <a:ln w="10795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50" b="0" i="0" u="none" strike="noStrike" kern="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4ACC8C4-FE24-EF4D-6B03-EE77C9D2AEC6}"/>
              </a:ext>
            </a:extLst>
          </p:cNvPr>
          <p:cNvSpPr/>
          <p:nvPr/>
        </p:nvSpPr>
        <p:spPr>
          <a:xfrm>
            <a:off x="10902746" y="2745688"/>
            <a:ext cx="731520" cy="1320448"/>
          </a:xfrm>
          <a:prstGeom prst="rect">
            <a:avLst/>
          </a:prstGeom>
          <a:solidFill>
            <a:schemeClr val="accent1"/>
          </a:solidFill>
          <a:ln w="10795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50" b="0" i="0" u="none" strike="noStrike" kern="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296ADD8-687B-3E43-025D-E03DA49DB78A}"/>
              </a:ext>
            </a:extLst>
          </p:cNvPr>
          <p:cNvSpPr txBox="1"/>
          <p:nvPr/>
        </p:nvSpPr>
        <p:spPr>
          <a:xfrm>
            <a:off x="9917633" y="2670972"/>
            <a:ext cx="796210" cy="168966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$14M-$16M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BE5511AD-E505-7DF5-940E-BB1E15D0D4D8}"/>
              </a:ext>
            </a:extLst>
          </p:cNvPr>
          <p:cNvSpPr txBox="1"/>
          <p:nvPr/>
        </p:nvSpPr>
        <p:spPr>
          <a:xfrm>
            <a:off x="10914543" y="2492961"/>
            <a:ext cx="758530" cy="168966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$16M-$18M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AFB2589-781E-BFC3-6476-C7510BDA503D}"/>
              </a:ext>
            </a:extLst>
          </p:cNvPr>
          <p:cNvSpPr txBox="1"/>
          <p:nvPr/>
        </p:nvSpPr>
        <p:spPr>
          <a:xfrm>
            <a:off x="8962184" y="2923927"/>
            <a:ext cx="729166" cy="168966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72 Brand" panose="020B0604020202020204" charset="0"/>
              </a:rPr>
              <a:t>$9M-$10M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BB3A4B0-B95D-921A-37F7-01868AC3857A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System Alignment</a:t>
            </a:r>
          </a:p>
        </p:txBody>
      </p:sp>
      <p:sp>
        <p:nvSpPr>
          <p:cNvPr id="21" name="TextBox 9">
            <a:extLst>
              <a:ext uri="{FF2B5EF4-FFF2-40B4-BE49-F238E27FC236}">
                <a16:creationId xmlns:a16="http://schemas.microsoft.com/office/drawing/2014/main" id="{309E37B4-4237-9EEE-FA68-CA8D2F6FA4E2}"/>
              </a:ext>
            </a:extLst>
          </p:cNvPr>
          <p:cNvSpPr txBox="1"/>
          <p:nvPr/>
        </p:nvSpPr>
        <p:spPr>
          <a:xfrm>
            <a:off x="555174" y="1551337"/>
            <a:ext cx="4762603" cy="31700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~10% increase in performance in first year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Increased employee engagement</a:t>
            </a:r>
          </a:p>
          <a:p>
            <a:pPr marR="0" lvl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Consistent execution across sites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B050"/>
              </a:buClr>
              <a:buSzTx/>
              <a:buFont typeface="Wingdings" panose="05000000000000000000" pitchFamily="2" charset="2"/>
              <a:buChar char="ü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Framework for onboarding new employee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305985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FCD940-E1CA-44F2-250E-F69E0AFEFC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9910F297-FC88-DF4D-7B3A-06220E64F322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e Roadmap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62E827B-B7C0-2800-77A7-EC09BCE6ABEC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4" name="TextBox 9">
            <a:extLst>
              <a:ext uri="{FF2B5EF4-FFF2-40B4-BE49-F238E27FC236}">
                <a16:creationId xmlns:a16="http://schemas.microsoft.com/office/drawing/2014/main" id="{0F219B99-369B-3F75-AE1B-04B81F9372A0}"/>
              </a:ext>
            </a:extLst>
          </p:cNvPr>
          <p:cNvSpPr txBox="1"/>
          <p:nvPr/>
        </p:nvSpPr>
        <p:spPr>
          <a:xfrm>
            <a:off x="605845" y="2530068"/>
            <a:ext cx="3285435" cy="215443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Methods &amp; SOP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Reasonable expectation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Staffing &amp; scheduling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Onboarding &amp; training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Demand forecasting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Arrow: Pentagon 2">
            <a:extLst>
              <a:ext uri="{FF2B5EF4-FFF2-40B4-BE49-F238E27FC236}">
                <a16:creationId xmlns:a16="http://schemas.microsoft.com/office/drawing/2014/main" id="{3DA55578-50AE-5850-8CAB-C97DB543CFF3}"/>
              </a:ext>
            </a:extLst>
          </p:cNvPr>
          <p:cNvSpPr/>
          <p:nvPr/>
        </p:nvSpPr>
        <p:spPr>
          <a:xfrm>
            <a:off x="414742" y="1624356"/>
            <a:ext cx="3886200" cy="492314"/>
          </a:xfrm>
          <a:prstGeom prst="homePlate">
            <a:avLst/>
          </a:prstGeom>
          <a:solidFill>
            <a:schemeClr val="accent5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Phase 1 - Crawl</a:t>
            </a:r>
          </a:p>
        </p:txBody>
      </p:sp>
      <p:sp>
        <p:nvSpPr>
          <p:cNvPr id="5" name="Arrow: Chevron 4">
            <a:extLst>
              <a:ext uri="{FF2B5EF4-FFF2-40B4-BE49-F238E27FC236}">
                <a16:creationId xmlns:a16="http://schemas.microsoft.com/office/drawing/2014/main" id="{6CD60A0A-63A6-8390-C290-09162EC36DE7}"/>
              </a:ext>
            </a:extLst>
          </p:cNvPr>
          <p:cNvSpPr/>
          <p:nvPr/>
        </p:nvSpPr>
        <p:spPr>
          <a:xfrm>
            <a:off x="4210163" y="1632038"/>
            <a:ext cx="3886200" cy="484632"/>
          </a:xfrm>
          <a:prstGeom prst="chevron">
            <a:avLst/>
          </a:prstGeom>
          <a:solidFill>
            <a:schemeClr val="accent3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Phase 2 - Walk</a:t>
            </a:r>
          </a:p>
        </p:txBody>
      </p:sp>
      <p:sp>
        <p:nvSpPr>
          <p:cNvPr id="6" name="Arrow: Chevron 5">
            <a:extLst>
              <a:ext uri="{FF2B5EF4-FFF2-40B4-BE49-F238E27FC236}">
                <a16:creationId xmlns:a16="http://schemas.microsoft.com/office/drawing/2014/main" id="{F5A3FAB7-D546-29B8-66B7-376033F1C52B}"/>
              </a:ext>
            </a:extLst>
          </p:cNvPr>
          <p:cNvSpPr/>
          <p:nvPr/>
        </p:nvSpPr>
        <p:spPr>
          <a:xfrm>
            <a:off x="8005584" y="1623611"/>
            <a:ext cx="3886200" cy="484632"/>
          </a:xfrm>
          <a:prstGeom prst="chevron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Phase 3 - Run</a:t>
            </a:r>
          </a:p>
        </p:txBody>
      </p:sp>
      <p:sp>
        <p:nvSpPr>
          <p:cNvPr id="7" name="TextBox 9">
            <a:extLst>
              <a:ext uri="{FF2B5EF4-FFF2-40B4-BE49-F238E27FC236}">
                <a16:creationId xmlns:a16="http://schemas.microsoft.com/office/drawing/2014/main" id="{9824947A-EE19-61AB-9069-E1AC9922B6DC}"/>
              </a:ext>
            </a:extLst>
          </p:cNvPr>
          <p:cNvSpPr txBox="1"/>
          <p:nvPr/>
        </p:nvSpPr>
        <p:spPr>
          <a:xfrm>
            <a:off x="4590678" y="2530068"/>
            <a:ext cx="3194420" cy="25545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Engineered labor standard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LM go live (WMS, LMS, and WFM connected)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Coaching cultur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Leader Standard Work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Conditions for success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8" name="TextBox 9">
            <a:extLst>
              <a:ext uri="{FF2B5EF4-FFF2-40B4-BE49-F238E27FC236}">
                <a16:creationId xmlns:a16="http://schemas.microsoft.com/office/drawing/2014/main" id="{047178FA-440B-CA2C-72BC-618BADD11570}"/>
              </a:ext>
            </a:extLst>
          </p:cNvPr>
          <p:cNvSpPr txBox="1"/>
          <p:nvPr/>
        </p:nvSpPr>
        <p:spPr>
          <a:xfrm>
            <a:off x="8365630" y="2497387"/>
            <a:ext cx="3304608" cy="320087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Employee engagement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Accountability and incentive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program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Continuous improvement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Customized reporting</a:t>
            </a:r>
          </a:p>
          <a:p>
            <a:pPr marL="342900" marR="0" lvl="0" indent="-3429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System maintenance and governance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CD93DAD-A39A-611E-5432-E7BB05E29C19}"/>
              </a:ext>
            </a:extLst>
          </p:cNvPr>
          <p:cNvSpPr txBox="1"/>
          <p:nvPr/>
        </p:nvSpPr>
        <p:spPr>
          <a:xfrm>
            <a:off x="605845" y="2138703"/>
            <a:ext cx="328543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ign the Foundation</a:t>
            </a:r>
          </a:p>
        </p:txBody>
      </p:sp>
      <p:pic>
        <p:nvPicPr>
          <p:cNvPr id="10" name="Graphic 9" descr="Crawl with solid fill">
            <a:extLst>
              <a:ext uri="{FF2B5EF4-FFF2-40B4-BE49-F238E27FC236}">
                <a16:creationId xmlns:a16="http://schemas.microsoft.com/office/drawing/2014/main" id="{F0D3698E-AF6A-64CE-EC94-3754080ED4D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807238" y="1091219"/>
            <a:ext cx="550604" cy="550604"/>
          </a:xfrm>
          <a:prstGeom prst="rect">
            <a:avLst/>
          </a:prstGeom>
        </p:spPr>
      </p:pic>
      <p:pic>
        <p:nvPicPr>
          <p:cNvPr id="11" name="Graphic 10" descr="Walk with solid fill">
            <a:extLst>
              <a:ext uri="{FF2B5EF4-FFF2-40B4-BE49-F238E27FC236}">
                <a16:creationId xmlns:a16="http://schemas.microsoft.com/office/drawing/2014/main" id="{D5437EB9-5F32-66CA-E13F-7166A38566B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931598" y="1101796"/>
            <a:ext cx="512580" cy="512580"/>
          </a:xfrm>
          <a:prstGeom prst="rect">
            <a:avLst/>
          </a:prstGeom>
        </p:spPr>
      </p:pic>
      <p:pic>
        <p:nvPicPr>
          <p:cNvPr id="13" name="Graphic 12" descr="Run with solid fill">
            <a:extLst>
              <a:ext uri="{FF2B5EF4-FFF2-40B4-BE49-F238E27FC236}">
                <a16:creationId xmlns:a16="http://schemas.microsoft.com/office/drawing/2014/main" id="{3D80F48B-B0B3-AAE3-FCCD-C76C041064B8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61644" y="1091219"/>
            <a:ext cx="512580" cy="512580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005DEBC7-D242-44FF-6122-97C1F021CFEA}"/>
              </a:ext>
            </a:extLst>
          </p:cNvPr>
          <p:cNvSpPr txBox="1"/>
          <p:nvPr/>
        </p:nvSpPr>
        <p:spPr>
          <a:xfrm>
            <a:off x="4717323" y="2138703"/>
            <a:ext cx="276043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grate Systems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96E6379-611F-21C7-2E6D-115064E6C7C9}"/>
              </a:ext>
            </a:extLst>
          </p:cNvPr>
          <p:cNvSpPr txBox="1"/>
          <p:nvPr/>
        </p:nvSpPr>
        <p:spPr>
          <a:xfrm>
            <a:off x="8333127" y="2128055"/>
            <a:ext cx="324473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Performance Culture</a:t>
            </a:r>
          </a:p>
        </p:txBody>
      </p:sp>
    </p:spTree>
    <p:extLst>
      <p:ext uri="{BB962C8B-B14F-4D97-AF65-F5344CB8AC3E}">
        <p14:creationId xmlns:p14="http://schemas.microsoft.com/office/powerpoint/2010/main" val="333343383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F2A368-CDEC-ADD8-DCB6-271259E57A5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9">
            <a:extLst>
              <a:ext uri="{FF2B5EF4-FFF2-40B4-BE49-F238E27FC236}">
                <a16:creationId xmlns:a16="http://schemas.microsoft.com/office/drawing/2014/main" id="{AAAFAEC7-7D67-2099-E1D2-DE29F63F736B}"/>
              </a:ext>
            </a:extLst>
          </p:cNvPr>
          <p:cNvSpPr txBox="1"/>
          <p:nvPr/>
        </p:nvSpPr>
        <p:spPr>
          <a:xfrm>
            <a:off x="483994" y="1547059"/>
            <a:ext cx="10367509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Most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organizations don’t have a labor problem they have an alignment problem between people, process, and technology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indent="-285750" defTabSz="914126">
              <a:buFont typeface="Arial" panose="020B0604020202020204" pitchFamily="34" charset="0"/>
              <a:buChar char="•"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Technology is the map and labor standards are the compas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R="0" lvl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Don’t fall into the reporting tool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trap - 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eaders ultimately drive results with the right system structur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DE2B0F6-AE9E-EFF8-41DB-FF301C9F2D4E}"/>
              </a:ext>
            </a:extLst>
          </p:cNvPr>
          <p:cNvSpPr txBox="1"/>
          <p:nvPr/>
        </p:nvSpPr>
        <p:spPr>
          <a:xfrm>
            <a:off x="605845" y="493060"/>
            <a:ext cx="97370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3600" b="1" dirty="0">
                <a:solidFill>
                  <a:srgbClr val="000000"/>
                </a:solidFill>
                <a:latin typeface="72 Brand" panose="020B0504030603020204" pitchFamily="34" charset="0"/>
              </a:rPr>
              <a:t>3</a:t>
            </a: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Things to Remember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415546D-8BB5-0F9F-92C4-A0BF583CAF65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BE8DB756-C47E-4213-1614-449AE9DD81F6}"/>
              </a:ext>
            </a:extLst>
          </p:cNvPr>
          <p:cNvSpPr/>
          <p:nvPr/>
        </p:nvSpPr>
        <p:spPr>
          <a:xfrm>
            <a:off x="464487" y="1590844"/>
            <a:ext cx="320040" cy="320040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1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29126E1-4E12-4345-BDCE-F96982F02950}"/>
              </a:ext>
            </a:extLst>
          </p:cNvPr>
          <p:cNvSpPr/>
          <p:nvPr/>
        </p:nvSpPr>
        <p:spPr>
          <a:xfrm>
            <a:off x="464487" y="2524569"/>
            <a:ext cx="320040" cy="320040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2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20F7691F-FEF2-DFA9-A82E-43248F8A1565}"/>
              </a:ext>
            </a:extLst>
          </p:cNvPr>
          <p:cNvSpPr/>
          <p:nvPr/>
        </p:nvSpPr>
        <p:spPr>
          <a:xfrm>
            <a:off x="445825" y="3120578"/>
            <a:ext cx="320040" cy="320040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3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95703B4-4ACE-BFB7-168D-62537EE8AD8D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Key Takeaways</a:t>
            </a:r>
          </a:p>
        </p:txBody>
      </p:sp>
    </p:spTree>
    <p:extLst>
      <p:ext uri="{BB962C8B-B14F-4D97-AF65-F5344CB8AC3E}">
        <p14:creationId xmlns:p14="http://schemas.microsoft.com/office/powerpoint/2010/main" val="176623981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6B534D-2A36-2673-3B68-F201B5943C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7CCA666A-37C0-11C1-01D6-DB17C7CFB3C7}"/>
              </a:ext>
            </a:extLst>
          </p:cNvPr>
          <p:cNvSpPr txBox="1"/>
          <p:nvPr/>
        </p:nvSpPr>
        <p:spPr>
          <a:xfrm>
            <a:off x="605845" y="493060"/>
            <a:ext cx="9737035" cy="4923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marR="0" lvl="0" indent="0" defTabSz="9141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3600" b="1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</a:defRPr>
            </a:lvl1pPr>
          </a:lstStyle>
          <a:p>
            <a:r>
              <a:rPr lang="en-US" dirty="0"/>
              <a:t>Final Though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D2531DDC-36C8-DBFB-3B65-2D6A2DD0C1BD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3D0C232-B417-DCA1-13B0-E48A23F1C51E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You Have Now</a:t>
            </a: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8B6090E6-3640-1178-B7AD-54B71B34D365}"/>
              </a:ext>
            </a:extLst>
          </p:cNvPr>
          <p:cNvSpPr txBox="1"/>
          <p:nvPr/>
        </p:nvSpPr>
        <p:spPr>
          <a:xfrm>
            <a:off x="483994" y="1547059"/>
            <a:ext cx="10666089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A clear definition of the North Star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A framework to align </a:t>
            </a:r>
            <a:r>
              <a:rPr lang="en-US" sz="2000" b="1" dirty="0">
                <a:solidFill>
                  <a:srgbClr val="00144A"/>
                </a:solidFill>
                <a:latin typeface="72 Brand Medium" panose="020B0504030603020204" pitchFamily="34" charset="0"/>
              </a:rPr>
              <a:t>people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 (leadership), </a:t>
            </a:r>
            <a:r>
              <a:rPr lang="en-US" sz="2000" b="1" dirty="0">
                <a:solidFill>
                  <a:srgbClr val="00144A"/>
                </a:solidFill>
                <a:latin typeface="72 Brand Medium" panose="020B0504030603020204" pitchFamily="34" charset="0"/>
              </a:rPr>
              <a:t>process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 (standards), and </a:t>
            </a:r>
            <a:r>
              <a:rPr lang="en-US" sz="2000" b="1" dirty="0">
                <a:solidFill>
                  <a:srgbClr val="00144A"/>
                </a:solidFill>
                <a:latin typeface="72 Brand Medium" panose="020B0504030603020204" pitchFamily="34" charset="0"/>
              </a:rPr>
              <a:t>Technology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 (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IT)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A roadmap to move from tools to execution to results</a:t>
            </a:r>
          </a:p>
          <a:p>
            <a:pPr marR="0" lvl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R="0" lvl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2000" b="1" i="1" dirty="0">
                <a:solidFill>
                  <a:srgbClr val="00144A"/>
                </a:solidFill>
                <a:latin typeface="72 Brand Medium" panose="020B0504030603020204" pitchFamily="34" charset="0"/>
              </a:rPr>
              <a:t>Technology should be aligned to support leaders in driving performance.</a:t>
            </a:r>
            <a:endParaRPr kumimoji="0" lang="en-US" sz="2000" b="1" i="1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138656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D9376B-969E-0668-DBEC-CFB939B67B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4829F00B-4736-4885-1F4B-EC0A1ED0BCB4}"/>
              </a:ext>
            </a:extLst>
          </p:cNvPr>
          <p:cNvSpPr/>
          <p:nvPr/>
        </p:nvSpPr>
        <p:spPr>
          <a:xfrm>
            <a:off x="1588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3269B10-0943-CBC5-9EEB-A48AF6B7AB4D}"/>
              </a:ext>
            </a:extLst>
          </p:cNvPr>
          <p:cNvSpPr txBox="1"/>
          <p:nvPr/>
        </p:nvSpPr>
        <p:spPr>
          <a:xfrm>
            <a:off x="3257561" y="1912203"/>
            <a:ext cx="5340772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400"/>
            <a:r>
              <a:rPr lang="en-US" sz="5400" dirty="0">
                <a:solidFill>
                  <a:srgbClr val="FFFFFF"/>
                </a:solidFill>
                <a:latin typeface="72 Brand Medium" panose="020B0504030603020204" pitchFamily="34" charset="0"/>
              </a:rPr>
              <a:t>Thank you!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35861EC-34DE-2D1B-F45E-18889B0741B8}"/>
              </a:ext>
            </a:extLst>
          </p:cNvPr>
          <p:cNvGrpSpPr/>
          <p:nvPr/>
        </p:nvGrpSpPr>
        <p:grpSpPr>
          <a:xfrm>
            <a:off x="3488788" y="5486400"/>
            <a:ext cx="5809957" cy="747475"/>
            <a:chOff x="3488788" y="5486400"/>
            <a:chExt cx="5809957" cy="7474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C22A05AB-24D5-518F-DD12-A723568A45B9}"/>
                </a:ext>
              </a:extLst>
            </p:cNvPr>
            <p:cNvSpPr/>
            <p:nvPr/>
          </p:nvSpPr>
          <p:spPr>
            <a:xfrm>
              <a:off x="3488788" y="5486400"/>
              <a:ext cx="5809957" cy="747475"/>
            </a:xfrm>
            <a:prstGeom prst="roundRect">
              <a:avLst/>
            </a:prstGeom>
            <a:solidFill>
              <a:srgbClr val="FFFFFF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05A29384-6CBB-54F9-F7FB-CE673E7712B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121527" y="5530150"/>
              <a:ext cx="4643604" cy="67719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2488677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B4244C5-6FD6-0BEC-707E-0D3A790E30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TextBox 47">
            <a:extLst>
              <a:ext uri="{FF2B5EF4-FFF2-40B4-BE49-F238E27FC236}">
                <a16:creationId xmlns:a16="http://schemas.microsoft.com/office/drawing/2014/main" id="{F5DA324B-0260-B99E-D253-5CC627C31C3B}"/>
              </a:ext>
            </a:extLst>
          </p:cNvPr>
          <p:cNvSpPr txBox="1"/>
          <p:nvPr/>
        </p:nvSpPr>
        <p:spPr>
          <a:xfrm>
            <a:off x="1554537" y="2551837"/>
            <a:ext cx="9086100" cy="1754326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>
            <a:defPPr>
              <a:defRPr lang="de-DE"/>
            </a:defPPr>
            <a:lvl1pPr marR="0" lvl="0" indent="0" algn="ctr" defTabSz="9141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3600" b="1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</a:defRPr>
            </a:lvl1pPr>
          </a:lstStyle>
          <a:p>
            <a:r>
              <a:rPr lang="en-US" dirty="0"/>
              <a:t>Aligning IT Objectives with Labor Standards to Drive Measurable Performanc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83A8215-943B-A41A-C772-9E774AA9AE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82932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85A6612-8D86-C945-B285-959BE8C6A6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62EF1661-DB5A-351D-8FB6-B8803C9C1A6F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You’ll Walk Away With</a:t>
            </a:r>
          </a:p>
        </p:txBody>
      </p:sp>
      <p:sp>
        <p:nvSpPr>
          <p:cNvPr id="17" name="Freeform 25">
            <a:extLst>
              <a:ext uri="{FF2B5EF4-FFF2-40B4-BE49-F238E27FC236}">
                <a16:creationId xmlns:a16="http://schemas.microsoft.com/office/drawing/2014/main" id="{D07624DE-7157-DB61-EA30-EB3D8FDD633C}"/>
              </a:ext>
            </a:extLst>
          </p:cNvPr>
          <p:cNvSpPr/>
          <p:nvPr/>
        </p:nvSpPr>
        <p:spPr>
          <a:xfrm flipV="1">
            <a:off x="605846" y="2914523"/>
            <a:ext cx="179953" cy="179953"/>
          </a:xfrm>
          <a:custGeom>
            <a:avLst/>
            <a:gdLst>
              <a:gd name="connsiteX0" fmla="*/ 0 w 208598"/>
              <a:gd name="connsiteY0" fmla="*/ 205320 h 205320"/>
              <a:gd name="connsiteX1" fmla="*/ 106009 w 208598"/>
              <a:gd name="connsiteY1" fmla="*/ 205320 h 205320"/>
              <a:gd name="connsiteX2" fmla="*/ 208598 w 208598"/>
              <a:gd name="connsiteY2" fmla="*/ 102660 h 205320"/>
              <a:gd name="connsiteX3" fmla="*/ 106009 w 208598"/>
              <a:gd name="connsiteY3" fmla="*/ 0 h 205320"/>
              <a:gd name="connsiteX4" fmla="*/ 0 w 208598"/>
              <a:gd name="connsiteY4" fmla="*/ 0 h 205320"/>
              <a:gd name="connsiteX5" fmla="*/ 0 w 208598"/>
              <a:gd name="connsiteY5" fmla="*/ 102660 h 2053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08598" h="205320">
                <a:moveTo>
                  <a:pt x="0" y="205320"/>
                </a:moveTo>
                <a:lnTo>
                  <a:pt x="106009" y="205320"/>
                </a:lnTo>
                <a:lnTo>
                  <a:pt x="208598" y="102660"/>
                </a:lnTo>
                <a:lnTo>
                  <a:pt x="106009" y="0"/>
                </a:lnTo>
                <a:lnTo>
                  <a:pt x="0" y="0"/>
                </a:lnTo>
                <a:lnTo>
                  <a:pt x="0" y="102660"/>
                </a:lnTo>
                <a:close/>
              </a:path>
            </a:pathLst>
          </a:custGeom>
          <a:gradFill flip="none" rotWithShape="1">
            <a:gsLst>
              <a:gs pos="0">
                <a:srgbClr val="7858FF"/>
              </a:gs>
              <a:gs pos="100000">
                <a:srgbClr val="5D36FF"/>
              </a:gs>
            </a:gsLst>
            <a:lin ang="2700000" scaled="1"/>
            <a:tileRect/>
          </a:gradFill>
          <a:ln w="12700"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20" name="Freeform 25">
            <a:extLst>
              <a:ext uri="{FF2B5EF4-FFF2-40B4-BE49-F238E27FC236}">
                <a16:creationId xmlns:a16="http://schemas.microsoft.com/office/drawing/2014/main" id="{E5C39A81-FE04-7CD8-37A8-F577A5C5C553}"/>
              </a:ext>
            </a:extLst>
          </p:cNvPr>
          <p:cNvSpPr/>
          <p:nvPr/>
        </p:nvSpPr>
        <p:spPr>
          <a:xfrm flipV="1">
            <a:off x="605846" y="3684530"/>
            <a:ext cx="179953" cy="179953"/>
          </a:xfrm>
          <a:custGeom>
            <a:avLst/>
            <a:gdLst>
              <a:gd name="connsiteX0" fmla="*/ 0 w 208598"/>
              <a:gd name="connsiteY0" fmla="*/ 205320 h 205320"/>
              <a:gd name="connsiteX1" fmla="*/ 106009 w 208598"/>
              <a:gd name="connsiteY1" fmla="*/ 205320 h 205320"/>
              <a:gd name="connsiteX2" fmla="*/ 208598 w 208598"/>
              <a:gd name="connsiteY2" fmla="*/ 102660 h 205320"/>
              <a:gd name="connsiteX3" fmla="*/ 106009 w 208598"/>
              <a:gd name="connsiteY3" fmla="*/ 0 h 205320"/>
              <a:gd name="connsiteX4" fmla="*/ 0 w 208598"/>
              <a:gd name="connsiteY4" fmla="*/ 0 h 205320"/>
              <a:gd name="connsiteX5" fmla="*/ 0 w 208598"/>
              <a:gd name="connsiteY5" fmla="*/ 102660 h 2053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08598" h="205320">
                <a:moveTo>
                  <a:pt x="0" y="205320"/>
                </a:moveTo>
                <a:lnTo>
                  <a:pt x="106009" y="205320"/>
                </a:lnTo>
                <a:lnTo>
                  <a:pt x="208598" y="102660"/>
                </a:lnTo>
                <a:lnTo>
                  <a:pt x="106009" y="0"/>
                </a:lnTo>
                <a:lnTo>
                  <a:pt x="0" y="0"/>
                </a:lnTo>
                <a:lnTo>
                  <a:pt x="0" y="102660"/>
                </a:lnTo>
                <a:close/>
              </a:path>
            </a:pathLst>
          </a:custGeom>
          <a:gradFill flip="none" rotWithShape="1">
            <a:gsLst>
              <a:gs pos="0">
                <a:srgbClr val="7858FF"/>
              </a:gs>
              <a:gs pos="100000">
                <a:srgbClr val="5D36FF"/>
              </a:gs>
            </a:gsLst>
            <a:lin ang="2700000" scaled="1"/>
            <a:tileRect/>
          </a:gradFill>
          <a:ln w="12700"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26" name="Freeform 25">
            <a:extLst>
              <a:ext uri="{FF2B5EF4-FFF2-40B4-BE49-F238E27FC236}">
                <a16:creationId xmlns:a16="http://schemas.microsoft.com/office/drawing/2014/main" id="{ED051149-59A8-C9F3-8241-73288B2BEE54}"/>
              </a:ext>
            </a:extLst>
          </p:cNvPr>
          <p:cNvSpPr/>
          <p:nvPr/>
        </p:nvSpPr>
        <p:spPr>
          <a:xfrm flipV="1">
            <a:off x="605845" y="2144447"/>
            <a:ext cx="179953" cy="179953"/>
          </a:xfrm>
          <a:custGeom>
            <a:avLst/>
            <a:gdLst>
              <a:gd name="connsiteX0" fmla="*/ 0 w 208598"/>
              <a:gd name="connsiteY0" fmla="*/ 205320 h 205320"/>
              <a:gd name="connsiteX1" fmla="*/ 106009 w 208598"/>
              <a:gd name="connsiteY1" fmla="*/ 205320 h 205320"/>
              <a:gd name="connsiteX2" fmla="*/ 208598 w 208598"/>
              <a:gd name="connsiteY2" fmla="*/ 102660 h 205320"/>
              <a:gd name="connsiteX3" fmla="*/ 106009 w 208598"/>
              <a:gd name="connsiteY3" fmla="*/ 0 h 205320"/>
              <a:gd name="connsiteX4" fmla="*/ 0 w 208598"/>
              <a:gd name="connsiteY4" fmla="*/ 0 h 205320"/>
              <a:gd name="connsiteX5" fmla="*/ 0 w 208598"/>
              <a:gd name="connsiteY5" fmla="*/ 102660 h 2053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08598" h="205320">
                <a:moveTo>
                  <a:pt x="0" y="205320"/>
                </a:moveTo>
                <a:lnTo>
                  <a:pt x="106009" y="205320"/>
                </a:lnTo>
                <a:lnTo>
                  <a:pt x="208598" y="102660"/>
                </a:lnTo>
                <a:lnTo>
                  <a:pt x="106009" y="0"/>
                </a:lnTo>
                <a:lnTo>
                  <a:pt x="0" y="0"/>
                </a:lnTo>
                <a:lnTo>
                  <a:pt x="0" y="102660"/>
                </a:lnTo>
                <a:close/>
              </a:path>
            </a:pathLst>
          </a:custGeom>
          <a:gradFill flip="none" rotWithShape="1">
            <a:gsLst>
              <a:gs pos="0">
                <a:srgbClr val="7858FF"/>
              </a:gs>
              <a:gs pos="100000">
                <a:srgbClr val="5D36FF"/>
              </a:gs>
            </a:gsLst>
            <a:lin ang="2700000" scaled="1"/>
            <a:tileRect/>
          </a:gradFill>
          <a:ln w="12700"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27" name="TextBox 9">
            <a:extLst>
              <a:ext uri="{FF2B5EF4-FFF2-40B4-BE49-F238E27FC236}">
                <a16:creationId xmlns:a16="http://schemas.microsoft.com/office/drawing/2014/main" id="{33588C8D-85C0-CFF1-E63C-2453D0D4B948}"/>
              </a:ext>
            </a:extLst>
          </p:cNvPr>
          <p:cNvSpPr txBox="1"/>
          <p:nvPr/>
        </p:nvSpPr>
        <p:spPr>
          <a:xfrm>
            <a:off x="947229" y="2061900"/>
            <a:ext cx="6642371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Define a clear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North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 Star for workforce performance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576152B-0D08-A4B6-8A67-DD9332B7E296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596FC29-A8CE-26C6-A383-1C49CB704D01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ign IT, Labor Standards, and Leadership into a Single Performance System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1D3FD9D-CC8E-F6B4-BFFD-897F21F08AC9}"/>
              </a:ext>
            </a:extLst>
          </p:cNvPr>
          <p:cNvSpPr txBox="1"/>
          <p:nvPr/>
        </p:nvSpPr>
        <p:spPr>
          <a:xfrm>
            <a:off x="605844" y="1584516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Outcomes:</a:t>
            </a:r>
          </a:p>
        </p:txBody>
      </p:sp>
      <p:sp>
        <p:nvSpPr>
          <p:cNvPr id="5" name="TextBox 9">
            <a:extLst>
              <a:ext uri="{FF2B5EF4-FFF2-40B4-BE49-F238E27FC236}">
                <a16:creationId xmlns:a16="http://schemas.microsoft.com/office/drawing/2014/main" id="{D11F9739-53E1-F419-5B52-3B398D98AE8F}"/>
              </a:ext>
            </a:extLst>
          </p:cNvPr>
          <p:cNvSpPr txBox="1"/>
          <p:nvPr/>
        </p:nvSpPr>
        <p:spPr>
          <a:xfrm>
            <a:off x="947228" y="2820130"/>
            <a:ext cx="8135812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Understand where IT and labor standards connect (and break)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+mn-cs"/>
            </a:endParaRPr>
          </a:p>
        </p:txBody>
      </p:sp>
      <p:sp>
        <p:nvSpPr>
          <p:cNvPr id="6" name="TextBox 9">
            <a:extLst>
              <a:ext uri="{FF2B5EF4-FFF2-40B4-BE49-F238E27FC236}">
                <a16:creationId xmlns:a16="http://schemas.microsoft.com/office/drawing/2014/main" id="{0653BC5C-25FC-898B-9802-7EBB3DAF2D5C}"/>
              </a:ext>
            </a:extLst>
          </p:cNvPr>
          <p:cNvSpPr txBox="1"/>
          <p:nvPr/>
        </p:nvSpPr>
        <p:spPr>
          <a:xfrm>
            <a:off x="947228" y="3577517"/>
            <a:ext cx="7698932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Apply a roadmap to move from tools to execution to result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6227661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057665-9178-9500-6A96-6057827501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2" name="Group 51">
            <a:extLst>
              <a:ext uri="{FF2B5EF4-FFF2-40B4-BE49-F238E27FC236}">
                <a16:creationId xmlns:a16="http://schemas.microsoft.com/office/drawing/2014/main" id="{0C70A703-D10E-46A0-19C7-FCBD602D73B4}"/>
              </a:ext>
            </a:extLst>
          </p:cNvPr>
          <p:cNvGrpSpPr/>
          <p:nvPr/>
        </p:nvGrpSpPr>
        <p:grpSpPr>
          <a:xfrm rot="18012080">
            <a:off x="7972388" y="2731917"/>
            <a:ext cx="673943" cy="325658"/>
            <a:chOff x="9153525" y="3902538"/>
            <a:chExt cx="673943" cy="325658"/>
          </a:xfrm>
        </p:grpSpPr>
        <p:cxnSp>
          <p:nvCxnSpPr>
            <p:cNvPr id="53" name="Straight Connector 52">
              <a:extLst>
                <a:ext uri="{FF2B5EF4-FFF2-40B4-BE49-F238E27FC236}">
                  <a16:creationId xmlns:a16="http://schemas.microsoft.com/office/drawing/2014/main" id="{20508003-832E-0E1A-E0C6-30875A1E097E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>
              <a:extLst>
                <a:ext uri="{FF2B5EF4-FFF2-40B4-BE49-F238E27FC236}">
                  <a16:creationId xmlns:a16="http://schemas.microsoft.com/office/drawing/2014/main" id="{2F331071-CDD3-0DE6-9F51-A27CE2BFCCEB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8B3FF678-3EF8-9DA9-33D7-DF8095DCEDA1}"/>
              </a:ext>
            </a:extLst>
          </p:cNvPr>
          <p:cNvGrpSpPr/>
          <p:nvPr/>
        </p:nvGrpSpPr>
        <p:grpSpPr>
          <a:xfrm rot="7246742">
            <a:off x="7513788" y="3477891"/>
            <a:ext cx="673943" cy="325658"/>
            <a:chOff x="9153525" y="3902538"/>
            <a:chExt cx="673943" cy="325658"/>
          </a:xfrm>
        </p:grpSpPr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9F6D69BE-6FB8-61B2-3DA6-323C0C6591B8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Straight Connector 56">
              <a:extLst>
                <a:ext uri="{FF2B5EF4-FFF2-40B4-BE49-F238E27FC236}">
                  <a16:creationId xmlns:a16="http://schemas.microsoft.com/office/drawing/2014/main" id="{18B2B9CA-2A70-58E3-63CC-F4F55F4EA457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52F267B3-1707-FD77-1E57-D26BAD6ECED2}"/>
              </a:ext>
            </a:extLst>
          </p:cNvPr>
          <p:cNvGrpSpPr/>
          <p:nvPr/>
        </p:nvGrpSpPr>
        <p:grpSpPr>
          <a:xfrm rot="14112128">
            <a:off x="9578564" y="2748682"/>
            <a:ext cx="673943" cy="325658"/>
            <a:chOff x="9153525" y="3902538"/>
            <a:chExt cx="673943" cy="325658"/>
          </a:xfrm>
        </p:grpSpPr>
        <p:cxnSp>
          <p:nvCxnSpPr>
            <p:cNvPr id="50" name="Straight Connector 49">
              <a:extLst>
                <a:ext uri="{FF2B5EF4-FFF2-40B4-BE49-F238E27FC236}">
                  <a16:creationId xmlns:a16="http://schemas.microsoft.com/office/drawing/2014/main" id="{95BF9092-42AE-2658-AB72-6F4D21E71E50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>
              <a:extLst>
                <a:ext uri="{FF2B5EF4-FFF2-40B4-BE49-F238E27FC236}">
                  <a16:creationId xmlns:a16="http://schemas.microsoft.com/office/drawing/2014/main" id="{3E7BD702-5ABF-C729-F69B-4B3839E0862B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A1B461CC-4311-091F-1DAC-B5BAACF6DBA4}"/>
              </a:ext>
            </a:extLst>
          </p:cNvPr>
          <p:cNvGrpSpPr/>
          <p:nvPr/>
        </p:nvGrpSpPr>
        <p:grpSpPr>
          <a:xfrm rot="3346790">
            <a:off x="10094084" y="3480517"/>
            <a:ext cx="673943" cy="325658"/>
            <a:chOff x="9153525" y="3902538"/>
            <a:chExt cx="673943" cy="325658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77243BED-4390-FB55-0ECC-CA0410DFB6DE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>
              <a:extLst>
                <a:ext uri="{FF2B5EF4-FFF2-40B4-BE49-F238E27FC236}">
                  <a16:creationId xmlns:a16="http://schemas.microsoft.com/office/drawing/2014/main" id="{50DFBFB4-9783-34DE-A735-D845AE76CBFC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0A5E2B89-C468-4CFF-B021-1052BA1CECD2}"/>
              </a:ext>
            </a:extLst>
          </p:cNvPr>
          <p:cNvGrpSpPr/>
          <p:nvPr/>
        </p:nvGrpSpPr>
        <p:grpSpPr>
          <a:xfrm flipH="1">
            <a:off x="8456281" y="4013553"/>
            <a:ext cx="647112" cy="325658"/>
            <a:chOff x="9153525" y="3902538"/>
            <a:chExt cx="673943" cy="325658"/>
          </a:xfrm>
        </p:grpSpPr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A54E25F9-8F17-DB0D-792B-C7AD9D6FCAFD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3C818575-B71E-CA43-E2BA-B076AF71BD7C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EB30118A-DA16-B377-78AD-A9016500F4E2}"/>
              </a:ext>
            </a:extLst>
          </p:cNvPr>
          <p:cNvGrpSpPr/>
          <p:nvPr/>
        </p:nvGrpSpPr>
        <p:grpSpPr>
          <a:xfrm>
            <a:off x="9314060" y="4013553"/>
            <a:ext cx="673943" cy="325658"/>
            <a:chOff x="9153525" y="3902538"/>
            <a:chExt cx="673943" cy="325658"/>
          </a:xfrm>
        </p:grpSpPr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814BCB9A-AA9D-D5F6-D18E-6297A25A918A}"/>
                </a:ext>
              </a:extLst>
            </p:cNvPr>
            <p:cNvCxnSpPr>
              <a:cxnSpLocks/>
            </p:cNvCxnSpPr>
            <p:nvPr/>
          </p:nvCxnSpPr>
          <p:spPr>
            <a:xfrm>
              <a:off x="9163050" y="4065367"/>
              <a:ext cx="664418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0F852AA0-3961-94E7-5887-FB42A8C043DD}"/>
                </a:ext>
              </a:extLst>
            </p:cNvPr>
            <p:cNvCxnSpPr>
              <a:cxnSpLocks/>
            </p:cNvCxnSpPr>
            <p:nvPr/>
          </p:nvCxnSpPr>
          <p:spPr>
            <a:xfrm>
              <a:off x="9153525" y="3902538"/>
              <a:ext cx="0" cy="325658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2" name="TextBox 11">
            <a:extLst>
              <a:ext uri="{FF2B5EF4-FFF2-40B4-BE49-F238E27FC236}">
                <a16:creationId xmlns:a16="http://schemas.microsoft.com/office/drawing/2014/main" id="{2C09943A-59C9-7D9A-C34D-E2668EC89271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e Problem We’re Solving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1D605EB-1B31-19C0-8630-005C6552CE08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9C75B39-ABA7-0F01-AA31-2D62F0BE91AC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Disconnected Systems Drive Inconsistent Performance</a:t>
            </a:r>
          </a:p>
        </p:txBody>
      </p:sp>
      <p:sp>
        <p:nvSpPr>
          <p:cNvPr id="5" name="TextBox 9">
            <a:extLst>
              <a:ext uri="{FF2B5EF4-FFF2-40B4-BE49-F238E27FC236}">
                <a16:creationId xmlns:a16="http://schemas.microsoft.com/office/drawing/2014/main" id="{DFAABC4F-8424-7642-7654-92D22BDC06DE}"/>
              </a:ext>
            </a:extLst>
          </p:cNvPr>
          <p:cNvSpPr txBox="1"/>
          <p:nvPr/>
        </p:nvSpPr>
        <p:spPr>
          <a:xfrm>
            <a:off x="483993" y="1879742"/>
            <a:ext cx="6642371" cy="246221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IT investments 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increasing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72 Mono" panose="020B0509030603020204" pitchFamily="49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abor expectations unclear or outdated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Leadership execution inconsistent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Turnover is higher than ever befor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595B636-EFE3-37FB-F05F-8A9DB467DAC0}"/>
              </a:ext>
            </a:extLst>
          </p:cNvPr>
          <p:cNvSpPr txBox="1"/>
          <p:nvPr/>
        </p:nvSpPr>
        <p:spPr>
          <a:xfrm>
            <a:off x="483993" y="4456885"/>
            <a:ext cx="2827243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ottom Line: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15A1341-C2D0-09E4-5647-2950F928D92C}"/>
              </a:ext>
            </a:extLst>
          </p:cNvPr>
          <p:cNvSpPr txBox="1"/>
          <p:nvPr/>
        </p:nvSpPr>
        <p:spPr>
          <a:xfrm>
            <a:off x="398780" y="4820225"/>
            <a:ext cx="69979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1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Performance is not always translating to results</a:t>
            </a: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7BCE67B-C804-BA2D-50EF-D1ABD5E5D1A1}"/>
              </a:ext>
            </a:extLst>
          </p:cNvPr>
          <p:cNvSpPr/>
          <p:nvPr/>
        </p:nvSpPr>
        <p:spPr>
          <a:xfrm>
            <a:off x="6520180" y="3600199"/>
            <a:ext cx="2117271" cy="11523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Leadership</a:t>
            </a: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189B76D6-9903-2695-D2AC-B11BE14D1EC9}"/>
              </a:ext>
            </a:extLst>
          </p:cNvPr>
          <p:cNvSpPr/>
          <p:nvPr/>
        </p:nvSpPr>
        <p:spPr>
          <a:xfrm>
            <a:off x="8044757" y="1879742"/>
            <a:ext cx="2117271" cy="11523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Standards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08C8B137-2CAC-99AC-0AA7-E2964B731A0F}"/>
              </a:ext>
            </a:extLst>
          </p:cNvPr>
          <p:cNvSpPr/>
          <p:nvPr/>
        </p:nvSpPr>
        <p:spPr>
          <a:xfrm>
            <a:off x="9754446" y="3600199"/>
            <a:ext cx="2117271" cy="11523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IT</a:t>
            </a:r>
          </a:p>
        </p:txBody>
      </p:sp>
    </p:spTree>
    <p:extLst>
      <p:ext uri="{BB962C8B-B14F-4D97-AF65-F5344CB8AC3E}">
        <p14:creationId xmlns:p14="http://schemas.microsoft.com/office/powerpoint/2010/main" val="111221231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FC57B4-05F5-5A69-8358-F17860E6F7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337F1339-405E-3FF5-84F3-85E62E4FCDB2}"/>
              </a:ext>
            </a:extLst>
          </p:cNvPr>
          <p:cNvSpPr txBox="1"/>
          <p:nvPr/>
        </p:nvSpPr>
        <p:spPr>
          <a:xfrm>
            <a:off x="605845" y="493060"/>
            <a:ext cx="896984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126"/>
            <a:r>
              <a:rPr lang="en-US" sz="3600" b="1" dirty="0">
                <a:solidFill>
                  <a:srgbClr val="000000"/>
                </a:solidFill>
                <a:latin typeface="72 Brand" panose="020B0504030603020204" pitchFamily="34" charset="0"/>
              </a:rPr>
              <a:t>Labor Management Landscap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B267735-8A89-5437-AA82-FED05FCB0FD7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F67FCF1-32D0-10DB-7EE8-535E84784A55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126"/>
            <a:r>
              <a:rPr lang="en-US" sz="2400" dirty="0">
                <a:solidFill>
                  <a:srgbClr val="000000"/>
                </a:solidFill>
                <a:latin typeface="72 Brand" panose="020B0504030603020204" pitchFamily="34" charset="0"/>
              </a:rPr>
              <a:t>Disconnected Systems Drive Inconsistent Performance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C8E9688C-C783-B2EB-5139-4E9110D20309}"/>
              </a:ext>
            </a:extLst>
          </p:cNvPr>
          <p:cNvSpPr/>
          <p:nvPr/>
        </p:nvSpPr>
        <p:spPr>
          <a:xfrm>
            <a:off x="3154622" y="2057400"/>
            <a:ext cx="5486400" cy="2743200"/>
          </a:xfrm>
          <a:prstGeom prst="round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 panose="020B0604020202020204" charset="0"/>
            </a:endParaRP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15E3138D-E775-5B7C-7344-AEDC5D9DD65B}"/>
              </a:ext>
            </a:extLst>
          </p:cNvPr>
          <p:cNvSpPr/>
          <p:nvPr/>
        </p:nvSpPr>
        <p:spPr>
          <a:xfrm>
            <a:off x="3307022" y="2209800"/>
            <a:ext cx="5486400" cy="2743200"/>
          </a:xfrm>
          <a:prstGeom prst="roundRect">
            <a:avLst/>
          </a:prstGeom>
          <a:solidFill>
            <a:srgbClr val="E6E5E3"/>
          </a:solidFill>
          <a:ln w="381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 panose="020B0604020202020204" charset="0"/>
            </a:endParaRPr>
          </a:p>
        </p:txBody>
      </p:sp>
      <p:sp>
        <p:nvSpPr>
          <p:cNvPr id="8" name="Title 12">
            <a:extLst>
              <a:ext uri="{FF2B5EF4-FFF2-40B4-BE49-F238E27FC236}">
                <a16:creationId xmlns:a16="http://schemas.microsoft.com/office/drawing/2014/main" id="{63538103-0710-9F13-5401-B0430C7AD3B7}"/>
              </a:ext>
            </a:extLst>
          </p:cNvPr>
          <p:cNvSpPr txBox="1">
            <a:spLocks/>
          </p:cNvSpPr>
          <p:nvPr/>
        </p:nvSpPr>
        <p:spPr>
          <a:xfrm>
            <a:off x="3307022" y="2240242"/>
            <a:ext cx="5486400" cy="365760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>
              <a:defRPr/>
            </a:pPr>
            <a:r>
              <a:rPr lang="en-US" sz="2400" b="1" dirty="0">
                <a:solidFill>
                  <a:srgbClr val="000000"/>
                </a:solidFill>
                <a:latin typeface="72 Brand" panose="020B0604020202020204" charset="0"/>
              </a:rPr>
              <a:t>Fast Facts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3A892806-C8DF-1FC6-3D66-21855E0336C9}"/>
              </a:ext>
            </a:extLst>
          </p:cNvPr>
          <p:cNvGrpSpPr/>
          <p:nvPr/>
        </p:nvGrpSpPr>
        <p:grpSpPr>
          <a:xfrm>
            <a:off x="3451561" y="2555826"/>
            <a:ext cx="1713109" cy="1185479"/>
            <a:chOff x="6736080" y="2016495"/>
            <a:chExt cx="1551926" cy="1185479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2B422ACF-87A7-7B15-986C-623DBCC9113D}"/>
                </a:ext>
              </a:extLst>
            </p:cNvPr>
            <p:cNvSpPr/>
            <p:nvPr/>
          </p:nvSpPr>
          <p:spPr>
            <a:xfrm>
              <a:off x="7002912" y="2016495"/>
              <a:ext cx="1018270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55%</a:t>
              </a:r>
              <a:endParaRPr lang="en-US" sz="4400" dirty="0">
                <a:ln w="0"/>
                <a:solidFill>
                  <a:srgbClr val="000000"/>
                </a:solidFill>
                <a:effectLst>
                  <a:outerShdw blurRad="38100" dist="19050" dir="2700000" algn="tl" rotWithShape="0">
                    <a:srgbClr val="000000">
                      <a:alpha val="40000"/>
                    </a:srgbClr>
                  </a:outerShdw>
                </a:effectLst>
                <a:latin typeface="72 Brand" panose="020B0604020202020204" charset="0"/>
              </a:endParaRPr>
            </a:p>
          </p:txBody>
        </p:sp>
        <p:sp>
          <p:nvSpPr>
            <p:cNvPr id="13" name="Content Placeholder 13">
              <a:extLst>
                <a:ext uri="{FF2B5EF4-FFF2-40B4-BE49-F238E27FC236}">
                  <a16:creationId xmlns:a16="http://schemas.microsoft.com/office/drawing/2014/main" id="{BFB40A8D-89B9-6665-BA7A-9F83C1F86201}"/>
                </a:ext>
              </a:extLst>
            </p:cNvPr>
            <p:cNvSpPr txBox="1">
              <a:spLocks/>
            </p:cNvSpPr>
            <p:nvPr/>
          </p:nvSpPr>
          <p:spPr>
            <a:xfrm>
              <a:off x="6736080" y="2744774"/>
              <a:ext cx="1551926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Labor as % of Total Cost</a:t>
              </a: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371B146B-1D1A-9CC9-2C92-19CA3E4BC658}"/>
              </a:ext>
            </a:extLst>
          </p:cNvPr>
          <p:cNvGrpSpPr/>
          <p:nvPr/>
        </p:nvGrpSpPr>
        <p:grpSpPr>
          <a:xfrm>
            <a:off x="5193668" y="2555826"/>
            <a:ext cx="1713108" cy="1185479"/>
            <a:chOff x="9023458" y="2168895"/>
            <a:chExt cx="1713108" cy="1185479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67845415-A35F-A8BC-9BD1-6EF5C29D63DB}"/>
                </a:ext>
              </a:extLst>
            </p:cNvPr>
            <p:cNvSpPr/>
            <p:nvPr/>
          </p:nvSpPr>
          <p:spPr>
            <a:xfrm>
              <a:off x="9402958" y="2168895"/>
              <a:ext cx="954107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150</a:t>
              </a:r>
            </a:p>
          </p:txBody>
        </p:sp>
        <p:sp>
          <p:nvSpPr>
            <p:cNvPr id="16" name="Content Placeholder 13">
              <a:extLst>
                <a:ext uri="{FF2B5EF4-FFF2-40B4-BE49-F238E27FC236}">
                  <a16:creationId xmlns:a16="http://schemas.microsoft.com/office/drawing/2014/main" id="{A74FCD52-90DA-3730-4B1D-D216242076C4}"/>
                </a:ext>
              </a:extLst>
            </p:cNvPr>
            <p:cNvSpPr txBox="1">
              <a:spLocks/>
            </p:cNvSpPr>
            <p:nvPr/>
          </p:nvSpPr>
          <p:spPr>
            <a:xfrm>
              <a:off x="9023458" y="2897174"/>
              <a:ext cx="1713108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Avg Employee per Site</a:t>
              </a:r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B7EB6B91-3438-6D32-8D83-7CE25562DCEB}"/>
              </a:ext>
            </a:extLst>
          </p:cNvPr>
          <p:cNvGrpSpPr/>
          <p:nvPr/>
        </p:nvGrpSpPr>
        <p:grpSpPr>
          <a:xfrm>
            <a:off x="3451560" y="3714571"/>
            <a:ext cx="1713109" cy="1185479"/>
            <a:chOff x="6888480" y="3459215"/>
            <a:chExt cx="1551926" cy="1185479"/>
          </a:xfrm>
        </p:grpSpPr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210BA3C9-53C7-30FA-CFEC-66211D07C6E8}"/>
                </a:ext>
              </a:extLst>
            </p:cNvPr>
            <p:cNvSpPr/>
            <p:nvPr/>
          </p:nvSpPr>
          <p:spPr>
            <a:xfrm>
              <a:off x="7155312" y="3459215"/>
              <a:ext cx="1018270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45%</a:t>
              </a:r>
              <a:endParaRPr lang="en-US" sz="4400" dirty="0">
                <a:ln w="0"/>
                <a:solidFill>
                  <a:srgbClr val="000000"/>
                </a:solidFill>
                <a:effectLst>
                  <a:outerShdw blurRad="38100" dist="19050" dir="2700000" algn="tl" rotWithShape="0">
                    <a:srgbClr val="000000">
                      <a:alpha val="40000"/>
                    </a:srgbClr>
                  </a:outerShdw>
                </a:effectLst>
                <a:latin typeface="72 Brand" panose="020B0604020202020204" charset="0"/>
              </a:endParaRPr>
            </a:p>
          </p:txBody>
        </p:sp>
        <p:sp>
          <p:nvSpPr>
            <p:cNvPr id="20" name="Content Placeholder 13">
              <a:extLst>
                <a:ext uri="{FF2B5EF4-FFF2-40B4-BE49-F238E27FC236}">
                  <a16:creationId xmlns:a16="http://schemas.microsoft.com/office/drawing/2014/main" id="{7C93447E-C0AB-EB95-A1F8-8DE988AF07B1}"/>
                </a:ext>
              </a:extLst>
            </p:cNvPr>
            <p:cNvSpPr txBox="1">
              <a:spLocks/>
            </p:cNvSpPr>
            <p:nvPr/>
          </p:nvSpPr>
          <p:spPr>
            <a:xfrm>
              <a:off x="6888480" y="4187494"/>
              <a:ext cx="1551926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Avg Turnover Rate</a:t>
              </a:r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0060F685-4731-53C3-0174-86B5A80F681D}"/>
              </a:ext>
            </a:extLst>
          </p:cNvPr>
          <p:cNvGrpSpPr/>
          <p:nvPr/>
        </p:nvGrpSpPr>
        <p:grpSpPr>
          <a:xfrm>
            <a:off x="5199943" y="3714571"/>
            <a:ext cx="1742107" cy="1185479"/>
            <a:chOff x="9007447" y="3957055"/>
            <a:chExt cx="1578197" cy="1185479"/>
          </a:xfrm>
        </p:grpSpPr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C631B855-3055-F09F-DFD2-7173E7318D16}"/>
                </a:ext>
              </a:extLst>
            </p:cNvPr>
            <p:cNvSpPr/>
            <p:nvPr/>
          </p:nvSpPr>
          <p:spPr>
            <a:xfrm>
              <a:off x="9356447" y="3957055"/>
              <a:ext cx="842556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$5k</a:t>
              </a:r>
            </a:p>
          </p:txBody>
        </p:sp>
        <p:sp>
          <p:nvSpPr>
            <p:cNvPr id="23" name="Content Placeholder 13">
              <a:extLst>
                <a:ext uri="{FF2B5EF4-FFF2-40B4-BE49-F238E27FC236}">
                  <a16:creationId xmlns:a16="http://schemas.microsoft.com/office/drawing/2014/main" id="{7A1771CC-CD47-D3B8-491C-9D6FC8892A19}"/>
                </a:ext>
              </a:extLst>
            </p:cNvPr>
            <p:cNvSpPr txBox="1">
              <a:spLocks/>
            </p:cNvSpPr>
            <p:nvPr/>
          </p:nvSpPr>
          <p:spPr>
            <a:xfrm>
              <a:off x="9007447" y="4685334"/>
              <a:ext cx="1578197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Average Turnover Cost per Employee</a:t>
              </a:r>
            </a:p>
          </p:txBody>
        </p: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5503D56B-372E-906A-6578-0F22DB794431}"/>
              </a:ext>
            </a:extLst>
          </p:cNvPr>
          <p:cNvGrpSpPr/>
          <p:nvPr/>
        </p:nvGrpSpPr>
        <p:grpSpPr>
          <a:xfrm>
            <a:off x="6942051" y="2555826"/>
            <a:ext cx="1713108" cy="1185479"/>
            <a:chOff x="9023458" y="2168895"/>
            <a:chExt cx="1713108" cy="1185479"/>
          </a:xfrm>
        </p:grpSpPr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EF9891E4-2EDD-362E-AC7B-E0E24013206B}"/>
                </a:ext>
              </a:extLst>
            </p:cNvPr>
            <p:cNvSpPr/>
            <p:nvPr/>
          </p:nvSpPr>
          <p:spPr>
            <a:xfrm>
              <a:off x="9158500" y="2168895"/>
              <a:ext cx="1443023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$150k</a:t>
              </a:r>
            </a:p>
          </p:txBody>
        </p:sp>
        <p:sp>
          <p:nvSpPr>
            <p:cNvPr id="26" name="Content Placeholder 13">
              <a:extLst>
                <a:ext uri="{FF2B5EF4-FFF2-40B4-BE49-F238E27FC236}">
                  <a16:creationId xmlns:a16="http://schemas.microsoft.com/office/drawing/2014/main" id="{009BE791-5289-1F0F-0E45-A8CCA67D4D9E}"/>
                </a:ext>
              </a:extLst>
            </p:cNvPr>
            <p:cNvSpPr txBox="1">
              <a:spLocks/>
            </p:cNvSpPr>
            <p:nvPr/>
          </p:nvSpPr>
          <p:spPr>
            <a:xfrm>
              <a:off x="9023458" y="2897174"/>
              <a:ext cx="1713108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Average LM System Investment</a:t>
              </a:r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8A22F237-9F51-4A91-F714-7C4639392B5F}"/>
              </a:ext>
            </a:extLst>
          </p:cNvPr>
          <p:cNvGrpSpPr/>
          <p:nvPr/>
        </p:nvGrpSpPr>
        <p:grpSpPr>
          <a:xfrm>
            <a:off x="6942050" y="3714571"/>
            <a:ext cx="1713108" cy="1185479"/>
            <a:chOff x="9001760" y="3957055"/>
            <a:chExt cx="1551926" cy="1185479"/>
          </a:xfrm>
        </p:grpSpPr>
        <p:sp>
          <p:nvSpPr>
            <p:cNvPr id="28" name="Rectangle 27">
              <a:extLst>
                <a:ext uri="{FF2B5EF4-FFF2-40B4-BE49-F238E27FC236}">
                  <a16:creationId xmlns:a16="http://schemas.microsoft.com/office/drawing/2014/main" id="{A0459B4C-8A2D-E80F-8458-CF011451AA01}"/>
                </a:ext>
              </a:extLst>
            </p:cNvPr>
            <p:cNvSpPr/>
            <p:nvPr/>
          </p:nvSpPr>
          <p:spPr>
            <a:xfrm>
              <a:off x="9240270" y="3957055"/>
              <a:ext cx="1074904" cy="646331"/>
            </a:xfrm>
            <a:prstGeom prst="rect">
              <a:avLst/>
            </a:prstGeom>
            <a:noFill/>
          </p:spPr>
          <p:txBody>
            <a:bodyPr wrap="none" lIns="91440" tIns="45720" rIns="91440" bIns="45720">
              <a:spAutoFit/>
            </a:bodyPr>
            <a:lstStyle/>
            <a:p>
              <a:pPr algn="ctr" defTabSz="914400">
                <a:defRPr/>
              </a:pPr>
              <a:r>
                <a:rPr lang="en-US" sz="3600" dirty="0">
                  <a:ln w="0"/>
                  <a:solidFill>
                    <a:srgbClr val="000000"/>
                  </a:solidFill>
                  <a:effectLst>
                    <a:outerShdw blurRad="38100" dist="19050" dir="2700000" algn="tl" rotWithShape="0">
                      <a:srgbClr val="000000">
                        <a:alpha val="40000"/>
                      </a:srgbClr>
                    </a:outerShdw>
                  </a:effectLst>
                  <a:latin typeface="72 Brand" panose="020B0604020202020204" charset="0"/>
                </a:rPr>
                <a:t>$35k</a:t>
              </a:r>
            </a:p>
          </p:txBody>
        </p:sp>
        <p:sp>
          <p:nvSpPr>
            <p:cNvPr id="29" name="Content Placeholder 13">
              <a:extLst>
                <a:ext uri="{FF2B5EF4-FFF2-40B4-BE49-F238E27FC236}">
                  <a16:creationId xmlns:a16="http://schemas.microsoft.com/office/drawing/2014/main" id="{553003C5-BA52-D0B3-5A38-A9337C7D677F}"/>
                </a:ext>
              </a:extLst>
            </p:cNvPr>
            <p:cNvSpPr txBox="1">
              <a:spLocks/>
            </p:cNvSpPr>
            <p:nvPr/>
          </p:nvSpPr>
          <p:spPr>
            <a:xfrm>
              <a:off x="9001760" y="4685334"/>
              <a:ext cx="1551926" cy="457200"/>
            </a:xfrm>
            <a:prstGeom prst="rect">
              <a:avLst/>
            </a:prstGeom>
          </p:spPr>
          <p:txBody>
            <a:bodyPr vert="horz" lIns="91440" tIns="45720" rIns="91440" bIns="45720" rtlCol="0" anchor="t">
              <a:noAutofit/>
            </a:bodyPr>
            <a:lstStyle>
              <a:lvl1pPr marL="0" indent="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defRPr/>
              </a:pPr>
              <a:r>
                <a:rPr lang="en-US" sz="1200" dirty="0">
                  <a:solidFill>
                    <a:srgbClr val="000000"/>
                  </a:solidFill>
                  <a:latin typeface="72 Brand" panose="020B0604020202020204" charset="0"/>
                </a:rPr>
                <a:t>Average Turnover Cost per Manager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03830207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B43A5CE-2623-F737-C255-CB0CADD6245F}"/>
              </a:ext>
            </a:extLst>
          </p:cNvPr>
          <p:cNvSpPr/>
          <p:nvPr/>
        </p:nvSpPr>
        <p:spPr>
          <a:xfrm>
            <a:off x="1586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6E7FC1E-8F45-8E3F-FF2A-00E26742EB8E}"/>
              </a:ext>
            </a:extLst>
          </p:cNvPr>
          <p:cNvSpPr txBox="1"/>
          <p:nvPr/>
        </p:nvSpPr>
        <p:spPr>
          <a:xfrm>
            <a:off x="1347366" y="3090446"/>
            <a:ext cx="9500440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400"/>
            <a:r>
              <a:rPr lang="en-US" sz="4400" dirty="0">
                <a:solidFill>
                  <a:srgbClr val="FFFFFF"/>
                </a:solidFill>
                <a:latin typeface="72 Brand Medium" panose="020B0504030603020204" pitchFamily="34" charset="0"/>
              </a:rPr>
              <a:t>North Star = “What Good Looks Like”</a:t>
            </a:r>
          </a:p>
        </p:txBody>
      </p:sp>
    </p:spTree>
    <p:extLst>
      <p:ext uri="{BB962C8B-B14F-4D97-AF65-F5344CB8AC3E}">
        <p14:creationId xmlns:p14="http://schemas.microsoft.com/office/powerpoint/2010/main" val="14379011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313C71-2A79-673D-617B-B91023FFC3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64340E06-596D-812C-0485-B584DB34FC35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What is the North Star?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5FEE859-2DD8-B5F5-12E5-93A4E1DBFCC0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EBDC914-7CFD-D779-EAB6-28E94BA44907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 Shared Definition of “What Good Looks Like”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B932E7A-C9AF-D308-23D5-5211719EF3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44617" y="2242729"/>
            <a:ext cx="6379386" cy="343633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F8CF377C-59D2-AF87-5A7C-9D3895598499}"/>
              </a:ext>
            </a:extLst>
          </p:cNvPr>
          <p:cNvSpPr txBox="1"/>
          <p:nvPr/>
        </p:nvSpPr>
        <p:spPr>
          <a:xfrm>
            <a:off x="6309740" y="1781064"/>
            <a:ext cx="504914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2400" dirty="0">
                <a:latin typeface="72 Brand Medium" panose="020B0504030603020204" pitchFamily="34" charset="0"/>
              </a:rPr>
              <a:t>LM Health Check - Performance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4" name="TextBox 9">
            <a:extLst>
              <a:ext uri="{FF2B5EF4-FFF2-40B4-BE49-F238E27FC236}">
                <a16:creationId xmlns:a16="http://schemas.microsoft.com/office/drawing/2014/main" id="{BE6A77F7-C702-F3DF-C921-D9EBC0CA77AC}"/>
              </a:ext>
            </a:extLst>
          </p:cNvPr>
          <p:cNvSpPr txBox="1"/>
          <p:nvPr/>
        </p:nvSpPr>
        <p:spPr>
          <a:xfrm>
            <a:off x="555174" y="1551337"/>
            <a:ext cx="4941447" cy="40934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Labor standard = average worker working at a normal pace</a:t>
            </a: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  <a:cs typeface="72 Mono" panose="020B0509030603020204" pitchFamily="49" charset="0"/>
              </a:rPr>
              <a:t> 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 with a prescribed method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Performance = standard time / actual tim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Utilization = direct Time / total Tim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dirty="0">
              <a:solidFill>
                <a:srgbClr val="00144A"/>
              </a:solidFill>
              <a:latin typeface="72 Brand Medium" panose="020B0504030603020204" pitchFamily="34" charset="0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Effectiveness = utilization x performanc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Visibility = real-time and actionable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378721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BB6866-951A-3E20-76B2-B22E33FEC2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A6672E3E-7B7C-DB53-F8E2-FE21979D38C0}"/>
              </a:ext>
            </a:extLst>
          </p:cNvPr>
          <p:cNvSpPr txBox="1"/>
          <p:nvPr/>
        </p:nvSpPr>
        <p:spPr>
          <a:xfrm>
            <a:off x="605845" y="493060"/>
            <a:ext cx="67908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The Compas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05944139-F063-898C-11A5-046C2D32778A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3177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1E6E55D-4B4B-B50D-36FA-87CC4B902C31}"/>
              </a:ext>
            </a:extLst>
          </p:cNvPr>
          <p:cNvSpPr txBox="1"/>
          <p:nvPr/>
        </p:nvSpPr>
        <p:spPr>
          <a:xfrm>
            <a:off x="605845" y="1032140"/>
            <a:ext cx="114077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Systems are </a:t>
            </a:r>
            <a:r>
              <a:rPr lang="en-US" sz="2400" dirty="0">
                <a:solidFill>
                  <a:srgbClr val="000000"/>
                </a:solidFill>
                <a:latin typeface="72 Brand" panose="020B0504030603020204" pitchFamily="34" charset="0"/>
              </a:rPr>
              <a:t>t</a:t>
            </a: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he Map; Standards are the Compass</a:t>
            </a:r>
          </a:p>
        </p:txBody>
      </p:sp>
      <p:sp>
        <p:nvSpPr>
          <p:cNvPr id="5" name="TextBox 9">
            <a:extLst>
              <a:ext uri="{FF2B5EF4-FFF2-40B4-BE49-F238E27FC236}">
                <a16:creationId xmlns:a16="http://schemas.microsoft.com/office/drawing/2014/main" id="{AE071464-7AB3-709E-EEDB-B5FE6C1C5709}"/>
              </a:ext>
            </a:extLst>
          </p:cNvPr>
          <p:cNvSpPr txBox="1"/>
          <p:nvPr/>
        </p:nvSpPr>
        <p:spPr>
          <a:xfrm>
            <a:off x="555174" y="1551337"/>
            <a:ext cx="5083687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72 Mono" panose="020B0509030603020204" pitchFamily="49" charset="0"/>
              </a:rPr>
              <a:t>IT systems show where you ar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2000" dirty="0">
                <a:solidFill>
                  <a:srgbClr val="00144A"/>
                </a:solidFill>
                <a:latin typeface="72 Brand Medium" panose="020B0504030603020204" pitchFamily="34" charset="0"/>
              </a:rPr>
              <a:t>Standards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144A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 define where you should be</a:t>
            </a:r>
          </a:p>
          <a:p>
            <a:pPr marL="285750" marR="0" lvl="0" indent="-28575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00144A"/>
              </a:solidFill>
              <a:effectLst/>
              <a:uLnTx/>
              <a:uFillTx/>
              <a:latin typeface="72 Brand Medium" panose="020B0504030603020204" pitchFamily="34" charset="0"/>
              <a:ea typeface="+mn-ea"/>
              <a:cs typeface="+mn-cs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A3E7AC18-0F92-4612-FBCB-2BE6C305D13E}"/>
              </a:ext>
            </a:extLst>
          </p:cNvPr>
          <p:cNvGrpSpPr/>
          <p:nvPr/>
        </p:nvGrpSpPr>
        <p:grpSpPr>
          <a:xfrm>
            <a:off x="5131833" y="457940"/>
            <a:ext cx="7213854" cy="6502695"/>
            <a:chOff x="7593765" y="1524875"/>
            <a:chExt cx="4117417" cy="4117417"/>
          </a:xfrm>
          <a:solidFill>
            <a:schemeClr val="accent1">
              <a:alpha val="50000"/>
            </a:schemeClr>
          </a:solidFill>
        </p:grpSpPr>
        <p:pic>
          <p:nvPicPr>
            <p:cNvPr id="14" name="Graphic 13" descr="Map compass with solid fill">
              <a:extLst>
                <a:ext uri="{FF2B5EF4-FFF2-40B4-BE49-F238E27FC236}">
                  <a16:creationId xmlns:a16="http://schemas.microsoft.com/office/drawing/2014/main" id="{A31AC1A1-BCD6-B753-2444-7B8317F7066B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7593765" y="1524875"/>
              <a:ext cx="4117417" cy="4117417"/>
            </a:xfrm>
            <a:prstGeom prst="rect">
              <a:avLst/>
            </a:prstGeom>
          </p:spPr>
        </p:pic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98AB459-C3EE-07DC-53DF-1C1A3411BCCE}"/>
                </a:ext>
              </a:extLst>
            </p:cNvPr>
            <p:cNvSpPr txBox="1"/>
            <p:nvPr/>
          </p:nvSpPr>
          <p:spPr>
            <a:xfrm>
              <a:off x="9459817" y="1666886"/>
              <a:ext cx="365760" cy="25334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>
                  <a:solidFill>
                    <a:schemeClr val="accent1"/>
                  </a:solidFill>
                  <a:latin typeface="72 Brand Medium" panose="020B0604020202020204" charset="0"/>
                </a:rPr>
                <a:t>N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F77CB93F-A25A-1AE4-CA87-F230A865083E}"/>
                </a:ext>
              </a:extLst>
            </p:cNvPr>
            <p:cNvSpPr txBox="1"/>
            <p:nvPr/>
          </p:nvSpPr>
          <p:spPr>
            <a:xfrm>
              <a:off x="9469593" y="5226794"/>
              <a:ext cx="365760" cy="25334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>
                  <a:solidFill>
                    <a:schemeClr val="accent1"/>
                  </a:solidFill>
                  <a:latin typeface="72 Brand Medium" panose="020B0604020202020204" charset="0"/>
                </a:rPr>
                <a:t>S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B2D9983A-2BD7-6129-E8B6-64E028181EA6}"/>
                </a:ext>
              </a:extLst>
            </p:cNvPr>
            <p:cNvSpPr txBox="1"/>
            <p:nvPr/>
          </p:nvSpPr>
          <p:spPr>
            <a:xfrm>
              <a:off x="7641697" y="3452639"/>
              <a:ext cx="365760" cy="25334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>
                  <a:solidFill>
                    <a:schemeClr val="accent1"/>
                  </a:solidFill>
                  <a:latin typeface="72 Brand Medium" panose="020B0604020202020204" charset="0"/>
                </a:rPr>
                <a:t>W</a:t>
              </a:r>
            </a:p>
          </p:txBody>
        </p: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63239C81-6B9B-2198-8AC5-F4775E13F83F}"/>
                </a:ext>
              </a:extLst>
            </p:cNvPr>
            <p:cNvSpPr txBox="1"/>
            <p:nvPr/>
          </p:nvSpPr>
          <p:spPr>
            <a:xfrm>
              <a:off x="11273221" y="3452639"/>
              <a:ext cx="365760" cy="25334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>
                  <a:solidFill>
                    <a:schemeClr val="accent1"/>
                  </a:solidFill>
                  <a:latin typeface="72 Brand Medium" panose="020B0604020202020204" charset="0"/>
                </a:rPr>
                <a:t>E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23902818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heme/theme1.xml><?xml version="1.0" encoding="utf-8"?>
<a:theme xmlns:a="http://schemas.openxmlformats.org/drawingml/2006/main" name="Office Theme">
  <a:themeElements>
    <a:clrScheme name="Custom 1">
      <a:dk1>
        <a:srgbClr val="000000"/>
      </a:dk1>
      <a:lt1>
        <a:srgbClr val="E9ECEE"/>
      </a:lt1>
      <a:dk2>
        <a:srgbClr val="000000"/>
      </a:dk2>
      <a:lt2>
        <a:srgbClr val="E9ECEE"/>
      </a:lt2>
      <a:accent1>
        <a:srgbClr val="001449"/>
      </a:accent1>
      <a:accent2>
        <a:srgbClr val="002A86"/>
      </a:accent2>
      <a:accent3>
        <a:srgbClr val="0070F2"/>
      </a:accent3>
      <a:accent4>
        <a:srgbClr val="1B90FF"/>
      </a:accent4>
      <a:accent5>
        <a:srgbClr val="89D1FF"/>
      </a:accent5>
      <a:accent6>
        <a:srgbClr val="D1EFFF"/>
      </a:accent6>
      <a:hlink>
        <a:srgbClr val="5D36FE"/>
      </a:hlink>
      <a:folHlink>
        <a:srgbClr val="002A86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BAI_design_manual_2025_official_small (1)" id="{C3740DC7-1404-3C46-85E6-72E89F58B8BB}" vid="{7B680FDE-2549-E749-8A36-E4988E939D4E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BADCB9E61C3C3418D06A2FD509299D2" ma:contentTypeVersion="10" ma:contentTypeDescription="Create a new document." ma:contentTypeScope="" ma:versionID="8f64dcfef1f60636963de7482634d299">
  <xsd:schema xmlns:xsd="http://www.w3.org/2001/XMLSchema" xmlns:xs="http://www.w3.org/2001/XMLSchema" xmlns:p="http://schemas.microsoft.com/office/2006/metadata/properties" xmlns:ns2="7686ac93-32c0-488e-b84b-e6c7c68b125c" targetNamespace="http://schemas.microsoft.com/office/2006/metadata/properties" ma:root="true" ma:fieldsID="1eefdb7562267d5111dbcd248da6fad5" ns2:_="">
    <xsd:import namespace="7686ac93-32c0-488e-b84b-e6c7c68b125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86ac93-32c0-488e-b84b-e6c7c68b12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BillingMetadata" ma:index="17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3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6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D69D8E4-3079-0947-A87B-18CDAB899542}">
  <ds:schemaRefs/>
</ds:datastoreItem>
</file>

<file path=customXml/itemProps10.xml><?xml version="1.0" encoding="utf-8"?>
<ds:datastoreItem xmlns:ds="http://schemas.openxmlformats.org/officeDocument/2006/customXml" ds:itemID="{0D2100A4-8510-4760-BC7C-AEC03A35B98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86ac93-32c0-488e-b84b-e6c7c68b125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118DC9FA-6E7A-134A-A4CB-DB7E25529BCD}">
  <ds:schemaRefs/>
</ds:datastoreItem>
</file>

<file path=customXml/itemProps12.xml><?xml version="1.0" encoding="utf-8"?>
<ds:datastoreItem xmlns:ds="http://schemas.openxmlformats.org/officeDocument/2006/customXml" ds:itemID="{BE35CB75-D316-A442-AF6F-E30B686305AD}">
  <ds:schemaRefs/>
</ds:datastoreItem>
</file>

<file path=customXml/itemProps13.xml><?xml version="1.0" encoding="utf-8"?>
<ds:datastoreItem xmlns:ds="http://schemas.openxmlformats.org/officeDocument/2006/customXml" ds:itemID="{47869D81-24A3-1649-A7BC-E604AE89024C}">
  <ds:schemaRefs/>
</ds:datastoreItem>
</file>

<file path=customXml/itemProps1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626BBCBB-1894-4E66-BA48-9E91CE3ACBA0}">
  <ds:schemaRefs/>
</ds:datastoreItem>
</file>

<file path=customXml/itemProps16.xml><?xml version="1.0" encoding="utf-8"?>
<ds:datastoreItem xmlns:ds="http://schemas.openxmlformats.org/officeDocument/2006/customXml" ds:itemID="{C1422F45-04DB-421D-8796-270006657806}">
  <ds:schemaRefs>
    <ds:schemaRef ds:uri="http://purl.org/dc/terms/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7686ac93-32c0-488e-b84b-e6c7c68b125c"/>
    <ds:schemaRef ds:uri="http://purl.org/dc/elements/1.1/"/>
    <ds:schemaRef ds:uri="http://schemas.microsoft.com/office/2006/metadata/properties"/>
    <ds:schemaRef ds:uri="http://www.w3.org/XML/1998/namespace"/>
  </ds:schemaRefs>
</ds:datastoreItem>
</file>

<file path=customXml/itemProps17.xml><?xml version="1.0" encoding="utf-8"?>
<ds:datastoreItem xmlns:ds="http://schemas.openxmlformats.org/officeDocument/2006/customXml" ds:itemID="{77EBBC25-7217-6047-A6FE-6E3834623618}">
  <ds:schemaRefs/>
</ds:datastoreItem>
</file>

<file path=customXml/itemProps18.xml><?xml version="1.0" encoding="utf-8"?>
<ds:datastoreItem xmlns:ds="http://schemas.openxmlformats.org/officeDocument/2006/customXml" ds:itemID="{A3EC6DE2-FD66-684A-AC9E-08E25388DBEF}">
  <ds:schemaRefs/>
</ds:datastoreItem>
</file>

<file path=customXml/itemProps19.xml><?xml version="1.0" encoding="utf-8"?>
<ds:datastoreItem xmlns:ds="http://schemas.openxmlformats.org/officeDocument/2006/customXml" ds:itemID="{7F6898E6-9ADD-4538-B0E5-FC21C8DB6903}">
  <ds:schemaRefs/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5E726EAB-FE30-4F4D-A478-DE4759D9A12E}">
  <ds:schemaRefs/>
</ds:datastoreItem>
</file>

<file path=customXml/itemProps21.xml><?xml version="1.0" encoding="utf-8"?>
<ds:datastoreItem xmlns:ds="http://schemas.openxmlformats.org/officeDocument/2006/customXml" ds:itemID="{EA0EFD7B-A280-45FB-AEC3-B703B28210D9}">
  <ds:schemaRefs/>
</ds:datastoreItem>
</file>

<file path=customXml/itemProps22.xml><?xml version="1.0" encoding="utf-8"?>
<ds:datastoreItem xmlns:ds="http://schemas.openxmlformats.org/officeDocument/2006/customXml" ds:itemID="{3E4381A6-8E2C-574D-B48E-536A53B18F66}">
  <ds:schemaRefs/>
</ds:datastoreItem>
</file>

<file path=customXml/itemProps23.xml><?xml version="1.0" encoding="utf-8"?>
<ds:datastoreItem xmlns:ds="http://schemas.openxmlformats.org/officeDocument/2006/customXml" ds:itemID="{E592BBB8-4E80-3C45-BEE9-486ED596EB3C}">
  <ds:schemaRefs/>
</ds:datastoreItem>
</file>

<file path=customXml/itemProps24.xml><?xml version="1.0" encoding="utf-8"?>
<ds:datastoreItem xmlns:ds="http://schemas.openxmlformats.org/officeDocument/2006/customXml" ds:itemID="{FB3CBE98-0F50-4DCC-AB6D-9CE0DBAA75FF}">
  <ds:schemaRefs/>
</ds:datastoreItem>
</file>

<file path=customXml/itemProps25.xml><?xml version="1.0" encoding="utf-8"?>
<ds:datastoreItem xmlns:ds="http://schemas.openxmlformats.org/officeDocument/2006/customXml" ds:itemID="{97E3BD22-8559-41C7-B32B-85AADBCE3220}">
  <ds:schemaRefs/>
</ds:datastoreItem>
</file>

<file path=customXml/itemProps26.xml><?xml version="1.0" encoding="utf-8"?>
<ds:datastoreItem xmlns:ds="http://schemas.openxmlformats.org/officeDocument/2006/customXml" ds:itemID="{CC49FFC8-2FF3-4057-96F0-3BCD1A4F0351}">
  <ds:schemaRefs/>
</ds:datastoreItem>
</file>

<file path=customXml/itemProps27.xml><?xml version="1.0" encoding="utf-8"?>
<ds:datastoreItem xmlns:ds="http://schemas.openxmlformats.org/officeDocument/2006/customXml" ds:itemID="{3B62FFE9-ED73-4F57-B7FD-1898883AC30C}">
  <ds:schemaRefs/>
</ds:datastoreItem>
</file>

<file path=customXml/itemProps3.xml><?xml version="1.0" encoding="utf-8"?>
<ds:datastoreItem xmlns:ds="http://schemas.openxmlformats.org/officeDocument/2006/customXml" ds:itemID="{DF3DA119-9F3B-B04F-B2CE-ED7B6150E810}">
  <ds:schemaRefs/>
</ds:datastoreItem>
</file>

<file path=customXml/itemProps4.xml><?xml version="1.0" encoding="utf-8"?>
<ds:datastoreItem xmlns:ds="http://schemas.openxmlformats.org/officeDocument/2006/customXml" ds:itemID="{8D60027D-B63E-433E-BB56-64F598DA4B11}">
  <ds:schemaRefs/>
</ds:datastoreItem>
</file>

<file path=customXml/itemProps5.xml><?xml version="1.0" encoding="utf-8"?>
<ds:datastoreItem xmlns:ds="http://schemas.openxmlformats.org/officeDocument/2006/customXml" ds:itemID="{FB378D73-682D-4B5C-B045-A467836EDC7E}">
  <ds:schemaRefs/>
</ds:datastoreItem>
</file>

<file path=customXml/itemProps6.xml><?xml version="1.0" encoding="utf-8"?>
<ds:datastoreItem xmlns:ds="http://schemas.openxmlformats.org/officeDocument/2006/customXml" ds:itemID="{32B4CE40-A540-46F0-A4B7-2503498DD8B0}">
  <ds:schemaRefs/>
</ds:datastoreItem>
</file>

<file path=customXml/itemProps7.xml><?xml version="1.0" encoding="utf-8"?>
<ds:datastoreItem xmlns:ds="http://schemas.openxmlformats.org/officeDocument/2006/customXml" ds:itemID="{0EC57229-3C66-4E28-BE75-EC4AA2288617}">
  <ds:schemaRefs/>
</ds:datastoreItem>
</file>

<file path=customXml/itemProps8.xml><?xml version="1.0" encoding="utf-8"?>
<ds:datastoreItem xmlns:ds="http://schemas.openxmlformats.org/officeDocument/2006/customXml" ds:itemID="{034DD3E1-2858-4C70-BC3A-61FB10763B47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Metadata/LabelInfo.xml><?xml version="1.0" encoding="utf-8"?>
<clbl:labelList xmlns:clbl="http://schemas.microsoft.com/office/2020/mipLabelMetadata">
  <clbl:label id="{3f4950d4-fb88-44fc-869d-0d4a7f698e90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634</TotalTime>
  <Words>1841</Words>
  <Application>Microsoft Macintosh PowerPoint</Application>
  <PresentationFormat>Custom</PresentationFormat>
  <Paragraphs>329</Paragraphs>
  <Slides>26</Slides>
  <Notes>26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6</vt:i4>
      </vt:variant>
    </vt:vector>
  </HeadingPairs>
  <TitlesOfParts>
    <vt:vector size="37" baseType="lpstr">
      <vt:lpstr>Symbol</vt:lpstr>
      <vt:lpstr>72 Brand</vt:lpstr>
      <vt:lpstr>Wingdings</vt:lpstr>
      <vt:lpstr>Wingdings</vt:lpstr>
      <vt:lpstr>72 Brand Book</vt:lpstr>
      <vt:lpstr>Aptos</vt:lpstr>
      <vt:lpstr>Calibri</vt:lpstr>
      <vt:lpstr>Segoe UI</vt:lpstr>
      <vt:lpstr>72 Brand Medium</vt:lpstr>
      <vt:lpstr>Arial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hean, Andrew</dc:creator>
  <cp:keywords>2023/16:9/white</cp:keywords>
  <dc:description/>
  <cp:lastModifiedBy>Dean A. Jackson</cp:lastModifiedBy>
  <cp:revision>18</cp:revision>
  <dcterms:created xsi:type="dcterms:W3CDTF">2025-09-19T15:06:46Z</dcterms:created>
  <dcterms:modified xsi:type="dcterms:W3CDTF">2026-04-08T02:28:4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BADCB9E61C3C3418D06A2FD509299D2</vt:lpwstr>
  </property>
  <property fmtid="{D5CDD505-2E9C-101B-9397-08002B2CF9AE}" pid="4" name="TemplafyTimeStamp">
    <vt:lpwstr>2023-10-17T07:10:10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</Properties>
</file>